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J:\s1\15総務\40広報広聴\10諸務\02入所案内冊子関係（途中入所用）\R4\HP掲載データ\"/>
    </mc:Choice>
  </mc:AlternateContent>
  <bookViews>
    <workbookView xWindow="0" yWindow="0" windowWidth="23040" windowHeight="9372"/>
  </bookViews>
  <sheets>
    <sheet name="一覧" sheetId="20" r:id="rId1"/>
  </sheets>
  <definedNames>
    <definedName name="_xlnm._FilterDatabase" localSheetId="0" hidden="1">一覧!$A$2:$P$126</definedName>
    <definedName name="_xlnm.Print_Titles" localSheetId="0">一覧!$2: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06" uniqueCount="411">
  <si>
    <t>○</t>
    <phoneticPr fontId="1"/>
  </si>
  <si>
    <t>436-7590</t>
    <phoneticPr fontId="1"/>
  </si>
  <si>
    <t>451-9777</t>
    <phoneticPr fontId="1"/>
  </si>
  <si>
    <t>434-0898</t>
    <phoneticPr fontId="1"/>
  </si>
  <si>
    <t>421-7481</t>
    <phoneticPr fontId="1"/>
  </si>
  <si>
    <t>432-4284</t>
    <phoneticPr fontId="1"/>
  </si>
  <si>
    <t>めぐみ幼稚園</t>
    <rPh sb="3" eb="6">
      <t>ヨウチエン</t>
    </rPh>
    <phoneticPr fontId="1"/>
  </si>
  <si>
    <t>423-2531</t>
    <phoneticPr fontId="1"/>
  </si>
  <si>
    <t>まどか幼稚園</t>
    <rPh sb="3" eb="6">
      <t>ヨウチエン</t>
    </rPh>
    <phoneticPr fontId="1"/>
  </si>
  <si>
    <t>436-5411</t>
    <phoneticPr fontId="1"/>
  </si>
  <si>
    <t>429-6161</t>
  </si>
  <si>
    <t>485-2010</t>
    <phoneticPr fontId="4"/>
  </si>
  <si>
    <t>ほそいり保育所</t>
    <rPh sb="4" eb="6">
      <t>ホイク</t>
    </rPh>
    <phoneticPr fontId="5"/>
  </si>
  <si>
    <t>457-2553</t>
    <phoneticPr fontId="4"/>
  </si>
  <si>
    <t>山田保育所</t>
    <phoneticPr fontId="4"/>
  </si>
  <si>
    <t>469-2001</t>
    <phoneticPr fontId="4"/>
  </si>
  <si>
    <t>音川保育所　　</t>
    <phoneticPr fontId="4"/>
  </si>
  <si>
    <t>469-3177</t>
    <phoneticPr fontId="4"/>
  </si>
  <si>
    <t>古里保育所　　</t>
    <phoneticPr fontId="4"/>
  </si>
  <si>
    <t>469-2379</t>
    <phoneticPr fontId="4"/>
  </si>
  <si>
    <t>朝日保育所　　</t>
    <phoneticPr fontId="4"/>
  </si>
  <si>
    <t>454-6367</t>
    <phoneticPr fontId="4"/>
  </si>
  <si>
    <t>福島保育所</t>
    <rPh sb="0" eb="2">
      <t>フクシマ</t>
    </rPh>
    <rPh sb="2" eb="5">
      <t>ホイクショ</t>
    </rPh>
    <phoneticPr fontId="5"/>
  </si>
  <si>
    <t>454-2203</t>
    <phoneticPr fontId="4"/>
  </si>
  <si>
    <t>八尾保育所</t>
    <rPh sb="0" eb="2">
      <t>ヤツオ</t>
    </rPh>
    <rPh sb="2" eb="5">
      <t>ホイクショ</t>
    </rPh>
    <phoneticPr fontId="5"/>
  </si>
  <si>
    <t>483-1102</t>
    <phoneticPr fontId="4"/>
  </si>
  <si>
    <t>福沢保育所</t>
    <rPh sb="0" eb="1">
      <t>フク</t>
    </rPh>
    <rPh sb="1" eb="2">
      <t>サワ</t>
    </rPh>
    <rPh sb="2" eb="5">
      <t>ホイクショ</t>
    </rPh>
    <phoneticPr fontId="4"/>
  </si>
  <si>
    <t>483-1805</t>
    <phoneticPr fontId="4"/>
  </si>
  <si>
    <t>大山中央保育所</t>
    <rPh sb="0" eb="2">
      <t>オオヤマ</t>
    </rPh>
    <phoneticPr fontId="5"/>
  </si>
  <si>
    <t>468-2659</t>
    <phoneticPr fontId="4"/>
  </si>
  <si>
    <t>船峅保育所　</t>
    <rPh sb="2" eb="5">
      <t>ホ</t>
    </rPh>
    <phoneticPr fontId="5"/>
  </si>
  <si>
    <t>468-2086</t>
    <phoneticPr fontId="4"/>
  </si>
  <si>
    <t>大沢野西部保育所</t>
    <rPh sb="0" eb="3">
      <t>オオサワノ</t>
    </rPh>
    <rPh sb="5" eb="8">
      <t>ホ</t>
    </rPh>
    <phoneticPr fontId="5"/>
  </si>
  <si>
    <t>月岡保育所</t>
    <phoneticPr fontId="4"/>
  </si>
  <si>
    <t>437-9845</t>
    <phoneticPr fontId="4"/>
  </si>
  <si>
    <t>浜黒崎保育所</t>
    <phoneticPr fontId="4"/>
  </si>
  <si>
    <t>441-6719</t>
    <phoneticPr fontId="4"/>
  </si>
  <si>
    <t>稲荷元町保育所</t>
    <phoneticPr fontId="4"/>
  </si>
  <si>
    <t>太田保育所</t>
    <phoneticPr fontId="4"/>
  </si>
  <si>
    <t>水橋東部保育所</t>
    <phoneticPr fontId="4"/>
  </si>
  <si>
    <t>478-1008</t>
    <phoneticPr fontId="4"/>
  </si>
  <si>
    <t>上条保育所</t>
    <phoneticPr fontId="4"/>
  </si>
  <si>
    <t>478-0577</t>
    <phoneticPr fontId="4"/>
  </si>
  <si>
    <t>水橋西部保育所</t>
    <phoneticPr fontId="4"/>
  </si>
  <si>
    <t>三郷保育所</t>
    <phoneticPr fontId="4"/>
  </si>
  <si>
    <t>池多保育所</t>
    <phoneticPr fontId="4"/>
  </si>
  <si>
    <t>434-1079</t>
    <phoneticPr fontId="4"/>
  </si>
  <si>
    <t>古沢保育所</t>
    <phoneticPr fontId="4"/>
  </si>
  <si>
    <t>436-5611</t>
    <phoneticPr fontId="4"/>
  </si>
  <si>
    <t>寒江保育所</t>
    <phoneticPr fontId="4"/>
  </si>
  <si>
    <t>呉羽保育所</t>
    <phoneticPr fontId="4"/>
  </si>
  <si>
    <t>長岡保育所</t>
    <phoneticPr fontId="4"/>
  </si>
  <si>
    <t>老田保育所</t>
    <phoneticPr fontId="4"/>
  </si>
  <si>
    <t>437-9675</t>
    <phoneticPr fontId="4"/>
  </si>
  <si>
    <t>岩瀬保育所</t>
    <phoneticPr fontId="4"/>
  </si>
  <si>
    <t>新庄保育所</t>
    <phoneticPr fontId="4"/>
  </si>
  <si>
    <t>○</t>
    <phoneticPr fontId="1"/>
  </si>
  <si>
    <t>435-0386</t>
    <phoneticPr fontId="4"/>
  </si>
  <si>
    <t>和合保育所</t>
    <phoneticPr fontId="4"/>
  </si>
  <si>
    <t>双葉保育所</t>
    <phoneticPr fontId="4"/>
  </si>
  <si>
    <t>柳町保育所</t>
    <phoneticPr fontId="4"/>
  </si>
  <si>
    <t>愛宕保育所</t>
    <phoneticPr fontId="4"/>
  </si>
  <si>
    <t>清水保育所</t>
    <rPh sb="2" eb="4">
      <t>ホイク</t>
    </rPh>
    <rPh sb="4" eb="5">
      <t>ショ</t>
    </rPh>
    <phoneticPr fontId="5"/>
  </si>
  <si>
    <t>定員</t>
    <rPh sb="0" eb="2">
      <t>テイイン</t>
    </rPh>
    <phoneticPr fontId="4"/>
  </si>
  <si>
    <t>旭町10-17</t>
    <rPh sb="0" eb="1">
      <t>アサヒ</t>
    </rPh>
    <rPh sb="1" eb="2">
      <t>マチ</t>
    </rPh>
    <phoneticPr fontId="4"/>
  </si>
  <si>
    <t>愛宕町一丁目2-2</t>
    <rPh sb="0" eb="2">
      <t>アタゴ</t>
    </rPh>
    <rPh sb="2" eb="3">
      <t>マチ</t>
    </rPh>
    <rPh sb="3" eb="4">
      <t>イチ</t>
    </rPh>
    <rPh sb="4" eb="6">
      <t>チョウメ</t>
    </rPh>
    <phoneticPr fontId="4"/>
  </si>
  <si>
    <t>草島256-1</t>
    <rPh sb="0" eb="2">
      <t>クサジマ</t>
    </rPh>
    <phoneticPr fontId="4"/>
  </si>
  <si>
    <t>布目4173</t>
    <rPh sb="0" eb="2">
      <t>ヌノメ</t>
    </rPh>
    <phoneticPr fontId="4"/>
  </si>
  <si>
    <t>鹿島町一丁目3-16</t>
    <rPh sb="0" eb="2">
      <t>カジマ</t>
    </rPh>
    <rPh sb="2" eb="3">
      <t>マチ</t>
    </rPh>
    <rPh sb="3" eb="6">
      <t>イッチョウメ</t>
    </rPh>
    <phoneticPr fontId="4"/>
  </si>
  <si>
    <t>新庄町三丁目4-20</t>
    <rPh sb="0" eb="3">
      <t>シンジョウマチ</t>
    </rPh>
    <rPh sb="3" eb="4">
      <t>サン</t>
    </rPh>
    <rPh sb="4" eb="6">
      <t>チョウメ</t>
    </rPh>
    <phoneticPr fontId="4"/>
  </si>
  <si>
    <t>堀川小泉町一丁目16-24</t>
    <rPh sb="0" eb="2">
      <t>ホリカワ</t>
    </rPh>
    <rPh sb="2" eb="5">
      <t>コイズミチョウ</t>
    </rPh>
    <rPh sb="5" eb="8">
      <t>イッチョウメ</t>
    </rPh>
    <phoneticPr fontId="4"/>
  </si>
  <si>
    <t>岩瀬御蔵町1</t>
    <rPh sb="0" eb="2">
      <t>イワセ</t>
    </rPh>
    <rPh sb="2" eb="4">
      <t>ミクラ</t>
    </rPh>
    <rPh sb="4" eb="5">
      <t>マチ</t>
    </rPh>
    <phoneticPr fontId="4"/>
  </si>
  <si>
    <t>中老田315</t>
    <rPh sb="0" eb="1">
      <t>ナカ</t>
    </rPh>
    <rPh sb="1" eb="3">
      <t>オイダ</t>
    </rPh>
    <phoneticPr fontId="4"/>
  </si>
  <si>
    <t>長岡9397-6</t>
    <rPh sb="0" eb="2">
      <t>ナガオカ</t>
    </rPh>
    <phoneticPr fontId="4"/>
  </si>
  <si>
    <t>呉羽町2247-18</t>
    <rPh sb="0" eb="3">
      <t>クレハマチ</t>
    </rPh>
    <phoneticPr fontId="4"/>
  </si>
  <si>
    <t>本郷中部264</t>
    <rPh sb="0" eb="2">
      <t>ホンゴウ</t>
    </rPh>
    <rPh sb="2" eb="4">
      <t>チュウブ</t>
    </rPh>
    <phoneticPr fontId="4"/>
  </si>
  <si>
    <t>古沢498</t>
    <rPh sb="0" eb="2">
      <t>フルサワ</t>
    </rPh>
    <phoneticPr fontId="4"/>
  </si>
  <si>
    <t>西押川1492</t>
    <rPh sb="0" eb="1">
      <t>ニシ</t>
    </rPh>
    <rPh sb="1" eb="3">
      <t>オシカワ</t>
    </rPh>
    <phoneticPr fontId="4"/>
  </si>
  <si>
    <t>水橋小路338-1</t>
    <rPh sb="0" eb="2">
      <t>ミズハシ</t>
    </rPh>
    <rPh sb="2" eb="4">
      <t>ショウジ</t>
    </rPh>
    <phoneticPr fontId="4"/>
  </si>
  <si>
    <t>水橋辻ヶ堂667</t>
    <rPh sb="0" eb="2">
      <t>ミズハシ</t>
    </rPh>
    <rPh sb="2" eb="3">
      <t>ツジ</t>
    </rPh>
    <rPh sb="4" eb="5">
      <t>ドウ</t>
    </rPh>
    <phoneticPr fontId="4"/>
  </si>
  <si>
    <t>水橋石割72-2</t>
    <rPh sb="0" eb="2">
      <t>ミズハシ</t>
    </rPh>
    <rPh sb="2" eb="4">
      <t>イシワリ</t>
    </rPh>
    <phoneticPr fontId="4"/>
  </si>
  <si>
    <t>水橋小池391</t>
    <rPh sb="0" eb="2">
      <t>ミズハシ</t>
    </rPh>
    <rPh sb="2" eb="4">
      <t>コイケ</t>
    </rPh>
    <phoneticPr fontId="4"/>
  </si>
  <si>
    <t>城村168-3</t>
    <rPh sb="0" eb="2">
      <t>ジョウムラ</t>
    </rPh>
    <phoneticPr fontId="4"/>
  </si>
  <si>
    <t>稲荷元町二丁目13-13</t>
    <rPh sb="0" eb="4">
      <t>イナリモトマチ</t>
    </rPh>
    <rPh sb="4" eb="7">
      <t>ニチョウメ</t>
    </rPh>
    <phoneticPr fontId="4"/>
  </si>
  <si>
    <t>古志町三丁目1-3</t>
    <rPh sb="0" eb="1">
      <t>フル</t>
    </rPh>
    <rPh sb="1" eb="2">
      <t>シ</t>
    </rPh>
    <rPh sb="2" eb="3">
      <t>マチ</t>
    </rPh>
    <rPh sb="3" eb="6">
      <t>サンチョウメ</t>
    </rPh>
    <phoneticPr fontId="4"/>
  </si>
  <si>
    <t>月見町四丁目41</t>
    <rPh sb="0" eb="3">
      <t>ツキミチョウ</t>
    </rPh>
    <rPh sb="3" eb="6">
      <t>ヨンチョウメ</t>
    </rPh>
    <phoneticPr fontId="4"/>
  </si>
  <si>
    <t>生後12か月</t>
    <rPh sb="0" eb="2">
      <t>セイゴ</t>
    </rPh>
    <rPh sb="5" eb="6">
      <t>ゲツ</t>
    </rPh>
    <phoneticPr fontId="1"/>
  </si>
  <si>
    <t>上二杉591</t>
    <rPh sb="0" eb="1">
      <t>ウエ</t>
    </rPh>
    <rPh sb="1" eb="2">
      <t>フタ</t>
    </rPh>
    <rPh sb="2" eb="3">
      <t>スギ</t>
    </rPh>
    <phoneticPr fontId="4"/>
  </si>
  <si>
    <t>生後6か月</t>
    <rPh sb="0" eb="2">
      <t>セイゴ</t>
    </rPh>
    <rPh sb="4" eb="5">
      <t>ゲツ</t>
    </rPh>
    <phoneticPr fontId="1"/>
  </si>
  <si>
    <t>坂本482</t>
    <rPh sb="0" eb="2">
      <t>サカモト</t>
    </rPh>
    <phoneticPr fontId="4"/>
  </si>
  <si>
    <t>下大久保311</t>
    <rPh sb="0" eb="1">
      <t>シモ</t>
    </rPh>
    <rPh sb="1" eb="4">
      <t>オオクボ</t>
    </rPh>
    <phoneticPr fontId="4"/>
  </si>
  <si>
    <t>中滝16</t>
    <rPh sb="0" eb="1">
      <t>ナカ</t>
    </rPh>
    <rPh sb="1" eb="2">
      <t>タキ</t>
    </rPh>
    <phoneticPr fontId="4"/>
  </si>
  <si>
    <t>東福沢1728-1</t>
    <rPh sb="0" eb="1">
      <t>ヒガシ</t>
    </rPh>
    <rPh sb="1" eb="2">
      <t>フク</t>
    </rPh>
    <rPh sb="2" eb="3">
      <t>サワ</t>
    </rPh>
    <phoneticPr fontId="4"/>
  </si>
  <si>
    <t>八尾町下笹原5225</t>
    <rPh sb="0" eb="2">
      <t>ヤツオ</t>
    </rPh>
    <rPh sb="2" eb="3">
      <t>マチ</t>
    </rPh>
    <rPh sb="3" eb="4">
      <t>シモ</t>
    </rPh>
    <rPh sb="4" eb="6">
      <t>ササハラ</t>
    </rPh>
    <phoneticPr fontId="4"/>
  </si>
  <si>
    <t>八尾町福島961</t>
    <rPh sb="0" eb="2">
      <t>ヤツオ</t>
    </rPh>
    <rPh sb="2" eb="3">
      <t>マチ</t>
    </rPh>
    <rPh sb="3" eb="5">
      <t>フクシマ</t>
    </rPh>
    <phoneticPr fontId="4"/>
  </si>
  <si>
    <t>婦中町友坂417-2</t>
    <rPh sb="0" eb="2">
      <t>フチュウ</t>
    </rPh>
    <rPh sb="2" eb="3">
      <t>マチ</t>
    </rPh>
    <rPh sb="3" eb="4">
      <t>トモ</t>
    </rPh>
    <rPh sb="4" eb="5">
      <t>サカ</t>
    </rPh>
    <phoneticPr fontId="4"/>
  </si>
  <si>
    <t>婦中町羽根152-1</t>
    <rPh sb="0" eb="2">
      <t>フチュウ</t>
    </rPh>
    <rPh sb="2" eb="3">
      <t>マチ</t>
    </rPh>
    <rPh sb="3" eb="5">
      <t>ハネ</t>
    </rPh>
    <phoneticPr fontId="4"/>
  </si>
  <si>
    <t>婦中町外輪野832</t>
    <rPh sb="0" eb="2">
      <t>フチュウ</t>
    </rPh>
    <rPh sb="2" eb="3">
      <t>マチ</t>
    </rPh>
    <rPh sb="3" eb="4">
      <t>ソト</t>
    </rPh>
    <rPh sb="4" eb="5">
      <t>ワ</t>
    </rPh>
    <rPh sb="5" eb="6">
      <t>ノ</t>
    </rPh>
    <phoneticPr fontId="4"/>
  </si>
  <si>
    <t>山田中村1000</t>
    <rPh sb="0" eb="2">
      <t>ヤマダ</t>
    </rPh>
    <rPh sb="1" eb="2">
      <t>トヤマ</t>
    </rPh>
    <rPh sb="2" eb="4">
      <t>ナカムラ</t>
    </rPh>
    <phoneticPr fontId="4"/>
  </si>
  <si>
    <t>楡原704-2</t>
    <rPh sb="0" eb="2">
      <t>ニレハラ</t>
    </rPh>
    <phoneticPr fontId="4"/>
  </si>
  <si>
    <t>桜谷保育園</t>
    <rPh sb="0" eb="5">
      <t>サクラタニホイクエンホイクエン</t>
    </rPh>
    <phoneticPr fontId="3"/>
  </si>
  <si>
    <t>432-4755</t>
  </si>
  <si>
    <t>ひかり保育園</t>
    <rPh sb="3" eb="6">
      <t>ホイクエン</t>
    </rPh>
    <phoneticPr fontId="5"/>
  </si>
  <si>
    <t>441-5919</t>
  </si>
  <si>
    <t>富山聖マリア保育園</t>
    <rPh sb="6" eb="9">
      <t>ホイクエン</t>
    </rPh>
    <phoneticPr fontId="5"/>
  </si>
  <si>
    <t>421-6962</t>
  </si>
  <si>
    <t>なでしこ保育園　</t>
    <rPh sb="4" eb="7">
      <t>ホイクエン</t>
    </rPh>
    <phoneticPr fontId="5"/>
  </si>
  <si>
    <t>431-2563</t>
  </si>
  <si>
    <t>奥田保育園　</t>
    <rPh sb="2" eb="5">
      <t>ホイクエン</t>
    </rPh>
    <phoneticPr fontId="5"/>
  </si>
  <si>
    <t>431-0606</t>
  </si>
  <si>
    <t>437-9494</t>
  </si>
  <si>
    <t>常盤台保育園</t>
  </si>
  <si>
    <t>424-9121</t>
  </si>
  <si>
    <t>わかば保育園</t>
    <rPh sb="3" eb="6">
      <t>ホイクエン</t>
    </rPh>
    <phoneticPr fontId="3"/>
  </si>
  <si>
    <t>424-8833</t>
  </si>
  <si>
    <t>のぞみ保育園</t>
    <rPh sb="3" eb="6">
      <t>ホイクエン</t>
    </rPh>
    <phoneticPr fontId="3"/>
  </si>
  <si>
    <t>441-8481</t>
  </si>
  <si>
    <t>かたかご保育園　</t>
    <rPh sb="4" eb="7">
      <t>ホイクエン</t>
    </rPh>
    <phoneticPr fontId="5"/>
  </si>
  <si>
    <t>433-2622</t>
  </si>
  <si>
    <t>いちい保育園　</t>
    <rPh sb="3" eb="6">
      <t>ホイクエン</t>
    </rPh>
    <phoneticPr fontId="5"/>
  </si>
  <si>
    <t>わかくさ保育園</t>
    <rPh sb="4" eb="7">
      <t>ホイクエン</t>
    </rPh>
    <phoneticPr fontId="5"/>
  </si>
  <si>
    <t>492-1193</t>
  </si>
  <si>
    <t>愛和こども園</t>
    <rPh sb="5" eb="6">
      <t>エン</t>
    </rPh>
    <phoneticPr fontId="5"/>
  </si>
  <si>
    <t>478-1150</t>
  </si>
  <si>
    <t>441-2305</t>
  </si>
  <si>
    <t>はりはら保育園</t>
    <rPh sb="4" eb="7">
      <t>ホイクエン</t>
    </rPh>
    <phoneticPr fontId="3"/>
  </si>
  <si>
    <t>451-1768</t>
  </si>
  <si>
    <t>にながわ保育園　</t>
    <rPh sb="4" eb="7">
      <t>ホイクエン</t>
    </rPh>
    <phoneticPr fontId="5"/>
  </si>
  <si>
    <t>421-1701</t>
  </si>
  <si>
    <t>萩浦保育園</t>
    <rPh sb="2" eb="5">
      <t>ホイクエン</t>
    </rPh>
    <phoneticPr fontId="5"/>
  </si>
  <si>
    <t>437-7081</t>
  </si>
  <si>
    <t>東山保育園</t>
    <rPh sb="0" eb="2">
      <t>ヒガシヤマ</t>
    </rPh>
    <rPh sb="2" eb="5">
      <t>ホイクエン</t>
    </rPh>
    <phoneticPr fontId="5"/>
  </si>
  <si>
    <t>436-6810</t>
  </si>
  <si>
    <t>四方こども園</t>
    <rPh sb="0" eb="2">
      <t>シホウ</t>
    </rPh>
    <rPh sb="5" eb="6">
      <t>エン</t>
    </rPh>
    <phoneticPr fontId="5"/>
  </si>
  <si>
    <t>435-0098</t>
  </si>
  <si>
    <t>まつわか保育園</t>
    <rPh sb="4" eb="6">
      <t>ホイク</t>
    </rPh>
    <rPh sb="6" eb="7">
      <t>エン</t>
    </rPh>
    <phoneticPr fontId="3"/>
  </si>
  <si>
    <t>441-8371</t>
  </si>
  <si>
    <t>ひろたこども園</t>
    <rPh sb="6" eb="7">
      <t>エン</t>
    </rPh>
    <phoneticPr fontId="5"/>
  </si>
  <si>
    <t>451-5430</t>
  </si>
  <si>
    <t>くまのこども園</t>
    <rPh sb="6" eb="7">
      <t>エン</t>
    </rPh>
    <phoneticPr fontId="5"/>
  </si>
  <si>
    <t>429-4213</t>
  </si>
  <si>
    <t>光陽もなみ保育園</t>
    <rPh sb="0" eb="1">
      <t>ヒカ</t>
    </rPh>
    <rPh sb="1" eb="2">
      <t>ヨウ</t>
    </rPh>
    <rPh sb="5" eb="8">
      <t>ホイクエン</t>
    </rPh>
    <phoneticPr fontId="5"/>
  </si>
  <si>
    <t>421-4964</t>
  </si>
  <si>
    <t>神明こども園</t>
    <rPh sb="0" eb="2">
      <t>シンメイ</t>
    </rPh>
    <rPh sb="5" eb="6">
      <t>エン</t>
    </rPh>
    <phoneticPr fontId="3"/>
  </si>
  <si>
    <t>みずはしこども園</t>
    <rPh sb="7" eb="8">
      <t>エン</t>
    </rPh>
    <phoneticPr fontId="5"/>
  </si>
  <si>
    <t>478-0479</t>
  </si>
  <si>
    <t>藤ノ木こども園</t>
    <rPh sb="0" eb="1">
      <t>フジ</t>
    </rPh>
    <rPh sb="2" eb="3">
      <t>キ</t>
    </rPh>
    <rPh sb="6" eb="7">
      <t>エン</t>
    </rPh>
    <phoneticPr fontId="4"/>
  </si>
  <si>
    <t>492-3355</t>
  </si>
  <si>
    <t>堀川南保育園</t>
    <rPh sb="0" eb="6">
      <t>ホリカワミナミホイクエン</t>
    </rPh>
    <phoneticPr fontId="3"/>
  </si>
  <si>
    <t>492-2201</t>
  </si>
  <si>
    <t>やまむろこども園</t>
    <rPh sb="7" eb="8">
      <t>エン</t>
    </rPh>
    <phoneticPr fontId="3"/>
  </si>
  <si>
    <t>421-3362</t>
  </si>
  <si>
    <t>おおひろたこども園</t>
    <rPh sb="8" eb="9">
      <t>エン</t>
    </rPh>
    <phoneticPr fontId="5"/>
  </si>
  <si>
    <t>437-9923</t>
  </si>
  <si>
    <t>城南もなみ学園</t>
    <rPh sb="0" eb="2">
      <t>ジョウナン</t>
    </rPh>
    <rPh sb="5" eb="7">
      <t>ガクエン</t>
    </rPh>
    <phoneticPr fontId="3"/>
  </si>
  <si>
    <t>493-1234</t>
  </si>
  <si>
    <t>さみどり認定こども園</t>
    <rPh sb="4" eb="6">
      <t>ニンテイ</t>
    </rPh>
    <rPh sb="9" eb="10">
      <t>エン</t>
    </rPh>
    <phoneticPr fontId="4"/>
  </si>
  <si>
    <t>471-6176</t>
  </si>
  <si>
    <t>新庄さくら保育園</t>
    <rPh sb="5" eb="8">
      <t>ホイクエン</t>
    </rPh>
    <phoneticPr fontId="5"/>
  </si>
  <si>
    <t>452-0139</t>
  </si>
  <si>
    <t>ガンバ村保育園</t>
    <rPh sb="3" eb="4">
      <t>ムラ</t>
    </rPh>
    <rPh sb="4" eb="7">
      <t>ホイクエン</t>
    </rPh>
    <phoneticPr fontId="5"/>
  </si>
  <si>
    <t>442-0088</t>
  </si>
  <si>
    <t>アームストロング青葉幼稚園</t>
  </si>
  <si>
    <t>421-4090</t>
  </si>
  <si>
    <t>藤園幼稚園</t>
    <rPh sb="0" eb="1">
      <t>フジ</t>
    </rPh>
    <rPh sb="1" eb="2">
      <t>エン</t>
    </rPh>
    <rPh sb="2" eb="5">
      <t>ヨウチエン</t>
    </rPh>
    <phoneticPr fontId="4"/>
  </si>
  <si>
    <t>432-2292</t>
  </si>
  <si>
    <t>藤園南幼稚園</t>
    <rPh sb="0" eb="1">
      <t>フジ</t>
    </rPh>
    <rPh sb="1" eb="2">
      <t>エン</t>
    </rPh>
    <rPh sb="2" eb="3">
      <t>ミナミ</t>
    </rPh>
    <rPh sb="3" eb="6">
      <t>ヨウチエン</t>
    </rPh>
    <phoneticPr fontId="4"/>
  </si>
  <si>
    <t>朝菜町一丁目15</t>
    <rPh sb="0" eb="1">
      <t>アサ</t>
    </rPh>
    <rPh sb="1" eb="2">
      <t>ナ</t>
    </rPh>
    <rPh sb="2" eb="3">
      <t>チョウ</t>
    </rPh>
    <rPh sb="3" eb="6">
      <t>イッチョウメ</t>
    </rPh>
    <phoneticPr fontId="4"/>
  </si>
  <si>
    <t>425-2200</t>
  </si>
  <si>
    <t>晴雲幼稚園</t>
    <rPh sb="0" eb="1">
      <t>ハ</t>
    </rPh>
    <rPh sb="1" eb="2">
      <t>クモ</t>
    </rPh>
    <rPh sb="2" eb="5">
      <t>ヨウチエン</t>
    </rPh>
    <phoneticPr fontId="4"/>
  </si>
  <si>
    <t>435-2626</t>
  </si>
  <si>
    <t>立正幼稚園</t>
    <rPh sb="0" eb="2">
      <t>リッショウ</t>
    </rPh>
    <rPh sb="2" eb="5">
      <t>ヨウチエン</t>
    </rPh>
    <phoneticPr fontId="4"/>
  </si>
  <si>
    <t>白藤幼稚園</t>
    <rPh sb="0" eb="2">
      <t>シラフジ</t>
    </rPh>
    <rPh sb="2" eb="5">
      <t>ヨウチエン</t>
    </rPh>
    <phoneticPr fontId="4"/>
  </si>
  <si>
    <t>富山幼稚園</t>
    <rPh sb="0" eb="2">
      <t>トヤマ</t>
    </rPh>
    <rPh sb="2" eb="5">
      <t>ヨウチエン</t>
    </rPh>
    <phoneticPr fontId="4"/>
  </si>
  <si>
    <t>442-1770</t>
  </si>
  <si>
    <t>徳風幼稚園</t>
    <rPh sb="0" eb="2">
      <t>トクフウ</t>
    </rPh>
    <rPh sb="2" eb="5">
      <t>ヨウチエン</t>
    </rPh>
    <phoneticPr fontId="4"/>
  </si>
  <si>
    <t>新庄幼稚園</t>
    <rPh sb="0" eb="2">
      <t>シンジョウ</t>
    </rPh>
    <rPh sb="2" eb="5">
      <t>ヨウチエン</t>
    </rPh>
    <phoneticPr fontId="4"/>
  </si>
  <si>
    <t>石金こども園</t>
    <rPh sb="0" eb="2">
      <t>イシカネ</t>
    </rPh>
    <rPh sb="5" eb="6">
      <t>エン</t>
    </rPh>
    <phoneticPr fontId="5"/>
  </si>
  <si>
    <t>421-0884</t>
  </si>
  <si>
    <t>青い鳥保育園</t>
    <rPh sb="0" eb="1">
      <t>アオ</t>
    </rPh>
    <rPh sb="2" eb="3">
      <t>トリ</t>
    </rPh>
    <rPh sb="3" eb="6">
      <t>ホイクエン</t>
    </rPh>
    <phoneticPr fontId="3"/>
  </si>
  <si>
    <t>467-0928</t>
  </si>
  <si>
    <t>大沢野ちゅうおうこども園</t>
    <rPh sb="0" eb="3">
      <t>オオサワノ</t>
    </rPh>
    <rPh sb="11" eb="12">
      <t>エン</t>
    </rPh>
    <phoneticPr fontId="3"/>
  </si>
  <si>
    <t>468-2656</t>
  </si>
  <si>
    <t>468-2658</t>
  </si>
  <si>
    <t>483-1007</t>
  </si>
  <si>
    <t>杉原こども園</t>
    <rPh sb="0" eb="2">
      <t>スギハラ</t>
    </rPh>
    <rPh sb="5" eb="6">
      <t>エン</t>
    </rPh>
    <phoneticPr fontId="3"/>
  </si>
  <si>
    <t>454-3406</t>
  </si>
  <si>
    <t>しんでん保育園</t>
    <rPh sb="4" eb="7">
      <t>ホイクエン</t>
    </rPh>
    <phoneticPr fontId="3"/>
  </si>
  <si>
    <t>454-2746</t>
  </si>
  <si>
    <t>リンデ幼稚園</t>
    <rPh sb="3" eb="6">
      <t>ヨウチエン</t>
    </rPh>
    <phoneticPr fontId="5"/>
  </si>
  <si>
    <t>454-2621</t>
  </si>
  <si>
    <t>466-6300</t>
  </si>
  <si>
    <t>婦中もなみ保育園</t>
    <rPh sb="0" eb="2">
      <t>フチュウ</t>
    </rPh>
    <rPh sb="5" eb="8">
      <t>ホイクエン</t>
    </rPh>
    <phoneticPr fontId="5"/>
  </si>
  <si>
    <t>469-2000</t>
  </si>
  <si>
    <t>鵜坂保育園</t>
    <rPh sb="4" eb="5">
      <t>エン</t>
    </rPh>
    <phoneticPr fontId="5"/>
  </si>
  <si>
    <t>466-2321</t>
  </si>
  <si>
    <t>469-2970</t>
  </si>
  <si>
    <t>みかど保育園　　</t>
    <rPh sb="5" eb="6">
      <t>エン</t>
    </rPh>
    <phoneticPr fontId="5"/>
  </si>
  <si>
    <t>466-2258</t>
  </si>
  <si>
    <t>ささくら保育園</t>
    <rPh sb="4" eb="7">
      <t>ホイクエン</t>
    </rPh>
    <phoneticPr fontId="5"/>
  </si>
  <si>
    <t>466-2253</t>
  </si>
  <si>
    <t>石坂新68-3</t>
    <rPh sb="0" eb="2">
      <t>イシザカ</t>
    </rPh>
    <rPh sb="2" eb="3">
      <t>シン</t>
    </rPh>
    <phoneticPr fontId="4"/>
  </si>
  <si>
    <t>星井町三丁目9-1</t>
    <rPh sb="0" eb="3">
      <t>ホシイチョウ</t>
    </rPh>
    <rPh sb="3" eb="6">
      <t>サンチョウメ</t>
    </rPh>
    <phoneticPr fontId="4"/>
  </si>
  <si>
    <t>牛島新町7-3</t>
    <rPh sb="0" eb="2">
      <t>ウシジマ</t>
    </rPh>
    <rPh sb="2" eb="4">
      <t>シンマチ</t>
    </rPh>
    <phoneticPr fontId="4"/>
  </si>
  <si>
    <t>奥田寿町10-2</t>
    <rPh sb="0" eb="2">
      <t>オクダ</t>
    </rPh>
    <rPh sb="2" eb="3">
      <t>ジュ</t>
    </rPh>
    <rPh sb="3" eb="4">
      <t>マチ</t>
    </rPh>
    <phoneticPr fontId="4"/>
  </si>
  <si>
    <t>豊丘町28-20</t>
    <rPh sb="0" eb="2">
      <t>トヨオカ</t>
    </rPh>
    <rPh sb="2" eb="3">
      <t>マチ</t>
    </rPh>
    <phoneticPr fontId="4"/>
  </si>
  <si>
    <t>経堂367-2</t>
    <rPh sb="0" eb="2">
      <t>キョウドウ</t>
    </rPh>
    <phoneticPr fontId="4"/>
  </si>
  <si>
    <t>堀川町55</t>
    <rPh sb="0" eb="3">
      <t>ホリカワマチ</t>
    </rPh>
    <phoneticPr fontId="4"/>
  </si>
  <si>
    <t>東田地方町一丁目5-27</t>
    <rPh sb="0" eb="2">
      <t>ヒガシダ</t>
    </rPh>
    <rPh sb="2" eb="4">
      <t>チホウ</t>
    </rPh>
    <rPh sb="4" eb="5">
      <t>マチ</t>
    </rPh>
    <rPh sb="5" eb="8">
      <t>イッチョウメ</t>
    </rPh>
    <phoneticPr fontId="4"/>
  </si>
  <si>
    <t>五福9区4323</t>
    <rPh sb="0" eb="2">
      <t>ゴフク</t>
    </rPh>
    <rPh sb="3" eb="4">
      <t>ク</t>
    </rPh>
    <phoneticPr fontId="4"/>
  </si>
  <si>
    <t>布市682-1</t>
    <rPh sb="0" eb="2">
      <t>ヌノイチ</t>
    </rPh>
    <phoneticPr fontId="4"/>
  </si>
  <si>
    <t>町村341-1</t>
    <rPh sb="0" eb="2">
      <t>マチムラ</t>
    </rPh>
    <phoneticPr fontId="4"/>
  </si>
  <si>
    <t>水橋肘崎57-1</t>
    <rPh sb="0" eb="2">
      <t>ミズハシ</t>
    </rPh>
    <rPh sb="2" eb="3">
      <t>ヒジ</t>
    </rPh>
    <rPh sb="3" eb="4">
      <t>サキ</t>
    </rPh>
    <phoneticPr fontId="4"/>
  </si>
  <si>
    <t>上赤江町一丁目12-5</t>
    <rPh sb="0" eb="4">
      <t>カミアカエマチ</t>
    </rPh>
    <rPh sb="4" eb="7">
      <t>イッチョウメ</t>
    </rPh>
    <phoneticPr fontId="4"/>
  </si>
  <si>
    <t>針原中町847-1</t>
    <rPh sb="0" eb="2">
      <t>ハリハラ</t>
    </rPh>
    <rPh sb="2" eb="4">
      <t>ナカマチ</t>
    </rPh>
    <phoneticPr fontId="4"/>
  </si>
  <si>
    <t>上袋1-1</t>
    <rPh sb="0" eb="1">
      <t>カミ</t>
    </rPh>
    <rPh sb="1" eb="2">
      <t>フクロ</t>
    </rPh>
    <phoneticPr fontId="4"/>
  </si>
  <si>
    <t>高畠町二丁目3-23</t>
    <rPh sb="0" eb="2">
      <t>タカハタ</t>
    </rPh>
    <rPh sb="2" eb="3">
      <t>マチ</t>
    </rPh>
    <rPh sb="3" eb="6">
      <t>ニチョウメ</t>
    </rPh>
    <phoneticPr fontId="4"/>
  </si>
  <si>
    <t>吉作4303-1</t>
    <rPh sb="0" eb="1">
      <t>トミヨシ</t>
    </rPh>
    <rPh sb="1" eb="2">
      <t>ツク</t>
    </rPh>
    <phoneticPr fontId="4"/>
  </si>
  <si>
    <t>四方608-1</t>
    <rPh sb="0" eb="1">
      <t>ヨ</t>
    </rPh>
    <rPh sb="1" eb="2">
      <t>ホウ</t>
    </rPh>
    <phoneticPr fontId="4"/>
  </si>
  <si>
    <t>松若町16-37</t>
    <rPh sb="0" eb="3">
      <t>マツワカチョウ</t>
    </rPh>
    <phoneticPr fontId="4"/>
  </si>
  <si>
    <t>鍋田17-55</t>
    <rPh sb="0" eb="2">
      <t>ナベタ</t>
    </rPh>
    <phoneticPr fontId="4"/>
  </si>
  <si>
    <t>悪王寺51</t>
    <rPh sb="0" eb="1">
      <t>ワル</t>
    </rPh>
    <phoneticPr fontId="4"/>
  </si>
  <si>
    <t>布瀬町南二丁目3-6</t>
    <rPh sb="0" eb="3">
      <t>ヌノセマチ</t>
    </rPh>
    <rPh sb="3" eb="4">
      <t>ミナミ</t>
    </rPh>
    <rPh sb="4" eb="7">
      <t>ニチョウメ</t>
    </rPh>
    <phoneticPr fontId="4"/>
  </si>
  <si>
    <t>高田91-2</t>
    <rPh sb="0" eb="2">
      <t>タカタ</t>
    </rPh>
    <phoneticPr fontId="4"/>
  </si>
  <si>
    <t>水橋中村町203-1</t>
    <rPh sb="0" eb="2">
      <t>ミズハシ</t>
    </rPh>
    <rPh sb="2" eb="4">
      <t>ナカムラ</t>
    </rPh>
    <rPh sb="4" eb="5">
      <t>マチ</t>
    </rPh>
    <phoneticPr fontId="4"/>
  </si>
  <si>
    <t>藤木1291</t>
    <rPh sb="0" eb="1">
      <t>フジ</t>
    </rPh>
    <rPh sb="1" eb="2">
      <t>キ</t>
    </rPh>
    <phoneticPr fontId="4"/>
  </si>
  <si>
    <t>大町16-1</t>
    <rPh sb="0" eb="2">
      <t>オオマチ</t>
    </rPh>
    <phoneticPr fontId="4"/>
  </si>
  <si>
    <t>山室5-3</t>
    <rPh sb="0" eb="2">
      <t>ヤマムロ</t>
    </rPh>
    <rPh sb="1" eb="2">
      <t>トヤマ</t>
    </rPh>
    <phoneticPr fontId="4"/>
  </si>
  <si>
    <t>海岸通165-1</t>
    <rPh sb="0" eb="2">
      <t>カイガン</t>
    </rPh>
    <rPh sb="2" eb="3">
      <t>ドオ</t>
    </rPh>
    <phoneticPr fontId="4"/>
  </si>
  <si>
    <t>太郎丸本町三丁目2-6</t>
    <rPh sb="0" eb="2">
      <t>トミタロウ</t>
    </rPh>
    <rPh sb="2" eb="3">
      <t>マル</t>
    </rPh>
    <rPh sb="3" eb="5">
      <t>ホンマチ</t>
    </rPh>
    <rPh sb="5" eb="8">
      <t>サンチョウメ</t>
    </rPh>
    <phoneticPr fontId="4"/>
  </si>
  <si>
    <t>新庄銀座二丁目7-12</t>
    <rPh sb="0" eb="2">
      <t>シンジョウ</t>
    </rPh>
    <rPh sb="2" eb="4">
      <t>ギン</t>
    </rPh>
    <rPh sb="4" eb="7">
      <t>ニチョウ</t>
    </rPh>
    <phoneticPr fontId="4"/>
  </si>
  <si>
    <t>新庄町二丁目15-33</t>
    <rPh sb="0" eb="3">
      <t>シンジョウマチ</t>
    </rPh>
    <rPh sb="3" eb="6">
      <t>ニチョウメ</t>
    </rPh>
    <phoneticPr fontId="4"/>
  </si>
  <si>
    <t>丸の内二丁目8-1</t>
    <rPh sb="0" eb="1">
      <t>マル</t>
    </rPh>
    <rPh sb="2" eb="3">
      <t>ウチ</t>
    </rPh>
    <rPh sb="3" eb="6">
      <t>ニチョウメ</t>
    </rPh>
    <phoneticPr fontId="4"/>
  </si>
  <si>
    <t>赤江町6-7</t>
    <rPh sb="0" eb="1">
      <t>アカ</t>
    </rPh>
    <rPh sb="1" eb="2">
      <t>エ</t>
    </rPh>
    <rPh sb="2" eb="3">
      <t>マチ</t>
    </rPh>
    <phoneticPr fontId="4"/>
  </si>
  <si>
    <t>草島331</t>
    <rPh sb="0" eb="2">
      <t>クサジマ</t>
    </rPh>
    <phoneticPr fontId="4"/>
  </si>
  <si>
    <t>梅沢町二丁目10-5</t>
    <rPh sb="0" eb="2">
      <t>ウメザワ</t>
    </rPh>
    <rPh sb="2" eb="3">
      <t>マチ</t>
    </rPh>
    <rPh sb="3" eb="6">
      <t>ニチョウメ</t>
    </rPh>
    <phoneticPr fontId="4"/>
  </si>
  <si>
    <t>生後8か月</t>
    <rPh sb="0" eb="2">
      <t>セイゴ</t>
    </rPh>
    <rPh sb="4" eb="5">
      <t>ゲツ</t>
    </rPh>
    <phoneticPr fontId="1"/>
  </si>
  <si>
    <t>中島三丁目3-84</t>
    <rPh sb="0" eb="2">
      <t>ナカジマ</t>
    </rPh>
    <rPh sb="2" eb="5">
      <t>サンチョウメ</t>
    </rPh>
    <phoneticPr fontId="4"/>
  </si>
  <si>
    <t>梅沢町三丁目19-27</t>
    <rPh sb="0" eb="2">
      <t>ウメザワ</t>
    </rPh>
    <rPh sb="2" eb="3">
      <t>マチ</t>
    </rPh>
    <rPh sb="3" eb="6">
      <t>サンチョウメ</t>
    </rPh>
    <phoneticPr fontId="4"/>
  </si>
  <si>
    <t>愛宕町二丁目7-23</t>
    <rPh sb="0" eb="2">
      <t>アタゴ</t>
    </rPh>
    <rPh sb="2" eb="3">
      <t>マチ</t>
    </rPh>
    <rPh sb="3" eb="6">
      <t>ニチョウメ</t>
    </rPh>
    <phoneticPr fontId="4"/>
  </si>
  <si>
    <t>生後9か月</t>
    <rPh sb="0" eb="2">
      <t>セイゴ</t>
    </rPh>
    <rPh sb="4" eb="5">
      <t>ゲツ</t>
    </rPh>
    <phoneticPr fontId="1"/>
  </si>
  <si>
    <t>新庄町102</t>
    <rPh sb="0" eb="2">
      <t>シンジョウ</t>
    </rPh>
    <rPh sb="2" eb="3">
      <t>マチ</t>
    </rPh>
    <phoneticPr fontId="4"/>
  </si>
  <si>
    <t>石金三丁目2-37</t>
    <rPh sb="0" eb="1">
      <t>イシ</t>
    </rPh>
    <rPh sb="1" eb="2">
      <t>カネ</t>
    </rPh>
    <rPh sb="2" eb="5">
      <t>サンチョウメ</t>
    </rPh>
    <phoneticPr fontId="4"/>
  </si>
  <si>
    <t>北代5165</t>
    <rPh sb="0" eb="1">
      <t>キタ</t>
    </rPh>
    <rPh sb="1" eb="2">
      <t>ダイ</t>
    </rPh>
    <phoneticPr fontId="4"/>
  </si>
  <si>
    <t>願海寺水口444</t>
    <rPh sb="0" eb="3">
      <t>ガンカイジ</t>
    </rPh>
    <rPh sb="3" eb="5">
      <t>ミズグチ</t>
    </rPh>
    <phoneticPr fontId="4"/>
  </si>
  <si>
    <t>文化幼稚園</t>
    <rPh sb="0" eb="2">
      <t>ブンカ</t>
    </rPh>
    <rPh sb="2" eb="5">
      <t>ヨウチエン</t>
    </rPh>
    <phoneticPr fontId="1"/>
  </si>
  <si>
    <t>窪本町3-5</t>
    <rPh sb="0" eb="1">
      <t>クボ</t>
    </rPh>
    <rPh sb="1" eb="3">
      <t>ホンマチ</t>
    </rPh>
    <phoneticPr fontId="1"/>
  </si>
  <si>
    <t>生後10か月</t>
    <rPh sb="0" eb="2">
      <t>セイゴ</t>
    </rPh>
    <rPh sb="5" eb="6">
      <t>ゲツ</t>
    </rPh>
    <phoneticPr fontId="1"/>
  </si>
  <si>
    <t>本郷町保育園</t>
    <rPh sb="0" eb="2">
      <t>ホンゴウ</t>
    </rPh>
    <rPh sb="2" eb="3">
      <t>マチ</t>
    </rPh>
    <rPh sb="3" eb="6">
      <t>ホイクエン</t>
    </rPh>
    <phoneticPr fontId="1"/>
  </si>
  <si>
    <t>下堀こども園</t>
    <rPh sb="0" eb="2">
      <t>シモホリ</t>
    </rPh>
    <rPh sb="5" eb="6">
      <t>エン</t>
    </rPh>
    <phoneticPr fontId="1"/>
  </si>
  <si>
    <t>西田地方保育園</t>
    <rPh sb="0" eb="1">
      <t>ニシ</t>
    </rPh>
    <rPh sb="1" eb="2">
      <t>デン</t>
    </rPh>
    <rPh sb="2" eb="4">
      <t>チホウ</t>
    </rPh>
    <rPh sb="4" eb="7">
      <t>ホイクエン</t>
    </rPh>
    <phoneticPr fontId="1"/>
  </si>
  <si>
    <t>本郷町13-8</t>
    <rPh sb="0" eb="2">
      <t>ホンゴウ</t>
    </rPh>
    <rPh sb="2" eb="3">
      <t>マチ</t>
    </rPh>
    <phoneticPr fontId="1"/>
  </si>
  <si>
    <t>下堀8</t>
    <rPh sb="0" eb="2">
      <t>シモホリ</t>
    </rPh>
    <phoneticPr fontId="1"/>
  </si>
  <si>
    <t>491-4150</t>
    <phoneticPr fontId="1"/>
  </si>
  <si>
    <t>481-6823</t>
    <phoneticPr fontId="1"/>
  </si>
  <si>
    <t>上大久保892</t>
    <rPh sb="0" eb="1">
      <t>ウエ</t>
    </rPh>
    <rPh sb="1" eb="4">
      <t>オオクボ</t>
    </rPh>
    <phoneticPr fontId="4"/>
  </si>
  <si>
    <t>西大沢148-3</t>
    <rPh sb="0" eb="1">
      <t>ニシ</t>
    </rPh>
    <rPh sb="1" eb="3">
      <t>オオサワ</t>
    </rPh>
    <phoneticPr fontId="4"/>
  </si>
  <si>
    <t>上大久保267-5</t>
    <rPh sb="0" eb="1">
      <t>カミ</t>
    </rPh>
    <rPh sb="1" eb="4">
      <t>オオクボ</t>
    </rPh>
    <phoneticPr fontId="4"/>
  </si>
  <si>
    <t>上滝保育園</t>
    <rPh sb="0" eb="2">
      <t>カミダキ</t>
    </rPh>
    <rPh sb="2" eb="5">
      <t>ホイクエン</t>
    </rPh>
    <phoneticPr fontId="3"/>
  </si>
  <si>
    <t>上滝499</t>
    <rPh sb="0" eb="1">
      <t>ウエ</t>
    </rPh>
    <rPh sb="1" eb="2">
      <t>タキ</t>
    </rPh>
    <phoneticPr fontId="4"/>
  </si>
  <si>
    <t>おおしょう保育園</t>
    <rPh sb="5" eb="8">
      <t>ホイクエン</t>
    </rPh>
    <phoneticPr fontId="3"/>
  </si>
  <si>
    <t>田畠493-2</t>
    <rPh sb="0" eb="2">
      <t>タバタ</t>
    </rPh>
    <phoneticPr fontId="4"/>
  </si>
  <si>
    <t>八尾町黒田2630</t>
    <rPh sb="0" eb="3">
      <t>ヤツオマチ</t>
    </rPh>
    <rPh sb="3" eb="5">
      <t>クロダ</t>
    </rPh>
    <phoneticPr fontId="4"/>
  </si>
  <si>
    <t>八尾町新田236-2</t>
    <rPh sb="0" eb="3">
      <t>ヤツオマチ</t>
    </rPh>
    <rPh sb="3" eb="5">
      <t>シンデン</t>
    </rPh>
    <phoneticPr fontId="4"/>
  </si>
  <si>
    <t>八尾町高善寺164</t>
    <phoneticPr fontId="4"/>
  </si>
  <si>
    <t>ピノキオナースリースクール</t>
    <phoneticPr fontId="1"/>
  </si>
  <si>
    <t>婦中町上轡田35-1</t>
    <rPh sb="0" eb="2">
      <t>フチュウ</t>
    </rPh>
    <rPh sb="2" eb="3">
      <t>マチ</t>
    </rPh>
    <rPh sb="3" eb="4">
      <t>カミ</t>
    </rPh>
    <rPh sb="4" eb="5">
      <t>クツワ</t>
    </rPh>
    <rPh sb="5" eb="6">
      <t>タ</t>
    </rPh>
    <phoneticPr fontId="4"/>
  </si>
  <si>
    <t>婦中町羽根1136-1</t>
    <rPh sb="0" eb="2">
      <t>フチュウ</t>
    </rPh>
    <rPh sb="2" eb="3">
      <t>マチ</t>
    </rPh>
    <rPh sb="3" eb="5">
      <t>ハネ</t>
    </rPh>
    <phoneticPr fontId="4"/>
  </si>
  <si>
    <t>婦中町上田島2</t>
    <rPh sb="0" eb="2">
      <t>フ</t>
    </rPh>
    <rPh sb="2" eb="3">
      <t>マチ</t>
    </rPh>
    <rPh sb="3" eb="4">
      <t>カミ</t>
    </rPh>
    <rPh sb="4" eb="6">
      <t>タジマ</t>
    </rPh>
    <phoneticPr fontId="4"/>
  </si>
  <si>
    <t>婦中町上吉川400</t>
    <rPh sb="0" eb="2">
      <t>フチュウ</t>
    </rPh>
    <rPh sb="2" eb="3">
      <t>マチ</t>
    </rPh>
    <rPh sb="3" eb="6">
      <t>カミ</t>
    </rPh>
    <phoneticPr fontId="4"/>
  </si>
  <si>
    <t>婦中町速星1032-1</t>
    <rPh sb="0" eb="2">
      <t>フチュウ</t>
    </rPh>
    <rPh sb="2" eb="3">
      <t>マチ</t>
    </rPh>
    <rPh sb="3" eb="5">
      <t>ハヤホシ</t>
    </rPh>
    <phoneticPr fontId="4"/>
  </si>
  <si>
    <t>婦中町笹倉106-1</t>
    <rPh sb="0" eb="2">
      <t>フチュウ</t>
    </rPh>
    <rPh sb="2" eb="3">
      <t>マチ</t>
    </rPh>
    <rPh sb="3" eb="5">
      <t>ササクラ</t>
    </rPh>
    <phoneticPr fontId="4"/>
  </si>
  <si>
    <t>紫幼稚園</t>
    <rPh sb="0" eb="1">
      <t>ムラサキ</t>
    </rPh>
    <rPh sb="1" eb="4">
      <t>ヨウチエン</t>
    </rPh>
    <phoneticPr fontId="5"/>
  </si>
  <si>
    <t>婦中町下轡田103-1</t>
    <rPh sb="0" eb="2">
      <t>フチュウ</t>
    </rPh>
    <rPh sb="2" eb="3">
      <t>マチ</t>
    </rPh>
    <rPh sb="3" eb="4">
      <t>シタ</t>
    </rPh>
    <phoneticPr fontId="4"/>
  </si>
  <si>
    <t>465-6145</t>
    <phoneticPr fontId="1"/>
  </si>
  <si>
    <t>堀川町455</t>
    <rPh sb="0" eb="3">
      <t>ホリカワマチ</t>
    </rPh>
    <phoneticPr fontId="4"/>
  </si>
  <si>
    <t>424-8835</t>
    <phoneticPr fontId="4"/>
  </si>
  <si>
    <t>452-3715</t>
    <phoneticPr fontId="4"/>
  </si>
  <si>
    <t>中市二丁目217-2</t>
    <rPh sb="0" eb="2">
      <t>ナカイチ</t>
    </rPh>
    <rPh sb="2" eb="5">
      <t>ニチョウメ</t>
    </rPh>
    <phoneticPr fontId="4"/>
  </si>
  <si>
    <t>492-3167</t>
    <phoneticPr fontId="4"/>
  </si>
  <si>
    <t>中野新町一丁目2-10</t>
    <rPh sb="0" eb="4">
      <t>ナカノシンマチ</t>
    </rPh>
    <rPh sb="4" eb="7">
      <t>イッチョウメ</t>
    </rPh>
    <phoneticPr fontId="4"/>
  </si>
  <si>
    <t>464-5211</t>
    <phoneticPr fontId="4"/>
  </si>
  <si>
    <t>稲荷元町一丁目7-5</t>
    <rPh sb="0" eb="4">
      <t>イナリモトマチ</t>
    </rPh>
    <rPh sb="4" eb="7">
      <t>イッチョウメ</t>
    </rPh>
    <phoneticPr fontId="4"/>
  </si>
  <si>
    <t>456-9020</t>
    <phoneticPr fontId="4"/>
  </si>
  <si>
    <t>小西170</t>
    <rPh sb="0" eb="2">
      <t>コニシ</t>
    </rPh>
    <phoneticPr fontId="4"/>
  </si>
  <si>
    <t>町村二丁目199-1</t>
    <rPh sb="0" eb="2">
      <t>マチムラ</t>
    </rPh>
    <rPh sb="2" eb="5">
      <t>ニチョウメ</t>
    </rPh>
    <phoneticPr fontId="1"/>
  </si>
  <si>
    <t>461-4746</t>
    <phoneticPr fontId="1"/>
  </si>
  <si>
    <t>428-5294</t>
    <phoneticPr fontId="1"/>
  </si>
  <si>
    <t>466-0070</t>
    <phoneticPr fontId="1"/>
  </si>
  <si>
    <t>471-7085</t>
    <phoneticPr fontId="4"/>
  </si>
  <si>
    <t>富山市内保育所等一覧表</t>
    <phoneticPr fontId="1"/>
  </si>
  <si>
    <t>地域名</t>
    <rPh sb="0" eb="3">
      <t>チイキメイ</t>
    </rPh>
    <phoneticPr fontId="1"/>
  </si>
  <si>
    <t>公私立</t>
    <rPh sb="0" eb="3">
      <t>コウシリツ</t>
    </rPh>
    <phoneticPr fontId="1"/>
  </si>
  <si>
    <t>入所可能
年齢</t>
    <rPh sb="0" eb="2">
      <t>ニュウショ</t>
    </rPh>
    <rPh sb="2" eb="4">
      <t>カノウ</t>
    </rPh>
    <rPh sb="5" eb="7">
      <t>ネンレイ</t>
    </rPh>
    <phoneticPr fontId="1"/>
  </si>
  <si>
    <t>住所</t>
    <rPh sb="0" eb="2">
      <t>ジュウショ</t>
    </rPh>
    <phoneticPr fontId="4"/>
  </si>
  <si>
    <t>電話</t>
    <rPh sb="0" eb="2">
      <t>デンワ</t>
    </rPh>
    <phoneticPr fontId="4"/>
  </si>
  <si>
    <t>19時</t>
    <rPh sb="2" eb="3">
      <t>ジ</t>
    </rPh>
    <phoneticPr fontId="1"/>
  </si>
  <si>
    <t>18時</t>
    <rPh sb="2" eb="3">
      <t>ジ</t>
    </rPh>
    <phoneticPr fontId="1"/>
  </si>
  <si>
    <t>一時
保育</t>
    <rPh sb="0" eb="2">
      <t>イチジ</t>
    </rPh>
    <rPh sb="3" eb="5">
      <t>ホイク</t>
    </rPh>
    <phoneticPr fontId="1"/>
  </si>
  <si>
    <t>休日
一時
保育</t>
    <rPh sb="0" eb="2">
      <t>キュウジツ</t>
    </rPh>
    <rPh sb="3" eb="5">
      <t>イチジ</t>
    </rPh>
    <rPh sb="6" eb="8">
      <t>ホイク</t>
    </rPh>
    <phoneticPr fontId="1"/>
  </si>
  <si>
    <t>休日
保育</t>
    <rPh sb="0" eb="2">
      <t>キュウジツ</t>
    </rPh>
    <rPh sb="3" eb="5">
      <t>ホイク</t>
    </rPh>
    <phoneticPr fontId="1"/>
  </si>
  <si>
    <t>年末
保育</t>
    <rPh sb="0" eb="2">
      <t>ネンマツ</t>
    </rPh>
    <rPh sb="3" eb="5">
      <t>ホイク</t>
    </rPh>
    <phoneticPr fontId="1"/>
  </si>
  <si>
    <t>体調
不良児</t>
    <rPh sb="0" eb="2">
      <t>タイチョウ</t>
    </rPh>
    <rPh sb="3" eb="5">
      <t>フリョウ</t>
    </rPh>
    <rPh sb="5" eb="6">
      <t>ジ</t>
    </rPh>
    <phoneticPr fontId="1"/>
  </si>
  <si>
    <t>施設名</t>
    <rPh sb="0" eb="2">
      <t>シセツ</t>
    </rPh>
    <rPh sb="2" eb="3">
      <t>メイ</t>
    </rPh>
    <phoneticPr fontId="1"/>
  </si>
  <si>
    <t>公立認定</t>
    <rPh sb="0" eb="2">
      <t>コウリツ</t>
    </rPh>
    <rPh sb="2" eb="4">
      <t>ニンテイ</t>
    </rPh>
    <phoneticPr fontId="1"/>
  </si>
  <si>
    <t>於保多町1-23</t>
    <rPh sb="0" eb="1">
      <t>オ</t>
    </rPh>
    <rPh sb="3" eb="4">
      <t>マチ</t>
    </rPh>
    <phoneticPr fontId="4"/>
  </si>
  <si>
    <t>生後8週</t>
    <rPh sb="0" eb="2">
      <t>セイゴ</t>
    </rPh>
    <rPh sb="3" eb="4">
      <t>シュウ</t>
    </rPh>
    <phoneticPr fontId="1"/>
  </si>
  <si>
    <t>とよた保育園</t>
    <phoneticPr fontId="1"/>
  </si>
  <si>
    <t>豊田本町一丁目2-3</t>
    <phoneticPr fontId="1"/>
  </si>
  <si>
    <t>438-5171</t>
    <phoneticPr fontId="1"/>
  </si>
  <si>
    <t>20時</t>
  </si>
  <si>
    <t>20時</t>
    <phoneticPr fontId="1"/>
  </si>
  <si>
    <t>新保なかよし認定こども園</t>
    <rPh sb="0" eb="2">
      <t>シンボ</t>
    </rPh>
    <rPh sb="6" eb="8">
      <t>ニンテイ</t>
    </rPh>
    <rPh sb="11" eb="12">
      <t>エン</t>
    </rPh>
    <phoneticPr fontId="1"/>
  </si>
  <si>
    <t>任海463</t>
    <rPh sb="0" eb="1">
      <t>ニン</t>
    </rPh>
    <rPh sb="1" eb="2">
      <t>ウミ</t>
    </rPh>
    <phoneticPr fontId="1"/>
  </si>
  <si>
    <t>五福1区545</t>
    <rPh sb="0" eb="2">
      <t>ゴフク</t>
    </rPh>
    <rPh sb="3" eb="4">
      <t>ク</t>
    </rPh>
    <phoneticPr fontId="4"/>
  </si>
  <si>
    <t>富山認定こども園</t>
    <rPh sb="0" eb="2">
      <t>トヤマ</t>
    </rPh>
    <rPh sb="2" eb="4">
      <t>ニンテイ</t>
    </rPh>
    <rPh sb="7" eb="8">
      <t>エン</t>
    </rPh>
    <phoneticPr fontId="4"/>
  </si>
  <si>
    <t>めぐみこども園　</t>
    <rPh sb="6" eb="7">
      <t>エン</t>
    </rPh>
    <phoneticPr fontId="5"/>
  </si>
  <si>
    <t>生後6か月</t>
    <rPh sb="0" eb="2">
      <t>セイゴ</t>
    </rPh>
    <rPh sb="4" eb="5">
      <t>ツキ</t>
    </rPh>
    <phoneticPr fontId="1"/>
  </si>
  <si>
    <t>19時</t>
    <phoneticPr fontId="1"/>
  </si>
  <si>
    <t>1歳児</t>
    <rPh sb="1" eb="2">
      <t>トシ</t>
    </rPh>
    <phoneticPr fontId="1"/>
  </si>
  <si>
    <t>421-4045</t>
    <phoneticPr fontId="1"/>
  </si>
  <si>
    <t>総曲輪二丁目7-12</t>
    <rPh sb="0" eb="3">
      <t>ソウガワ</t>
    </rPh>
    <rPh sb="3" eb="6">
      <t>ニチョウメ</t>
    </rPh>
    <phoneticPr fontId="4"/>
  </si>
  <si>
    <t>20時</t>
    <rPh sb="2" eb="3">
      <t>ジ</t>
    </rPh>
    <phoneticPr fontId="1"/>
  </si>
  <si>
    <t>太田北区159番地</t>
    <rPh sb="0" eb="2">
      <t>オオタ</t>
    </rPh>
    <rPh sb="2" eb="4">
      <t>キタク</t>
    </rPh>
    <rPh sb="7" eb="9">
      <t>バンチ</t>
    </rPh>
    <phoneticPr fontId="1"/>
  </si>
  <si>
    <t>どんぐり山共同保育園</t>
    <phoneticPr fontId="1"/>
  </si>
  <si>
    <t>富山短期大学付属みどり野幼稚園</t>
    <rPh sb="0" eb="2">
      <t>トヤマ</t>
    </rPh>
    <rPh sb="2" eb="4">
      <t>タンキ</t>
    </rPh>
    <rPh sb="4" eb="6">
      <t>ダイガク</t>
    </rPh>
    <rPh sb="6" eb="8">
      <t>フゾク</t>
    </rPh>
    <rPh sb="11" eb="12">
      <t>ノ</t>
    </rPh>
    <rPh sb="12" eb="15">
      <t>ヨウチエン</t>
    </rPh>
    <phoneticPr fontId="4"/>
  </si>
  <si>
    <t>3歳児</t>
    <rPh sb="1" eb="2">
      <t>トシ</t>
    </rPh>
    <phoneticPr fontId="1"/>
  </si>
  <si>
    <t>堀川幼稚園</t>
    <phoneticPr fontId="1"/>
  </si>
  <si>
    <t>大町１区西部3</t>
    <phoneticPr fontId="1"/>
  </si>
  <si>
    <t>423-3735</t>
    <phoneticPr fontId="1"/>
  </si>
  <si>
    <t>紅葉ガ丘認定こども園</t>
    <phoneticPr fontId="1"/>
  </si>
  <si>
    <t>わかばさくらんぼ園</t>
    <phoneticPr fontId="1"/>
  </si>
  <si>
    <t>紅葉ガ丘町村保育園</t>
    <phoneticPr fontId="1"/>
  </si>
  <si>
    <t>東山つくし園</t>
    <phoneticPr fontId="1"/>
  </si>
  <si>
    <t>わかばにこにこ園</t>
    <phoneticPr fontId="1"/>
  </si>
  <si>
    <t>ガンバ村保育園Petit</t>
    <phoneticPr fontId="1"/>
  </si>
  <si>
    <t>不二越あじさい保育園</t>
    <phoneticPr fontId="1"/>
  </si>
  <si>
    <t>きぼう保育園</t>
    <phoneticPr fontId="1"/>
  </si>
  <si>
    <t>ナースリールームスマイルフラワー</t>
  </si>
  <si>
    <t>483-1043</t>
    <phoneticPr fontId="1"/>
  </si>
  <si>
    <t>うさかスマイル保育園</t>
    <phoneticPr fontId="1"/>
  </si>
  <si>
    <t>公立</t>
    <rPh sb="0" eb="2">
      <t>コウリツ</t>
    </rPh>
    <phoneticPr fontId="1"/>
  </si>
  <si>
    <t>19時</t>
    <rPh sb="2" eb="3">
      <t>トキ</t>
    </rPh>
    <phoneticPr fontId="1"/>
  </si>
  <si>
    <t>婦中町宮ヶ島299-1</t>
    <rPh sb="0" eb="3">
      <t>フチュウマチ</t>
    </rPh>
    <rPh sb="3" eb="4">
      <t>ミヤ</t>
    </rPh>
    <rPh sb="5" eb="6">
      <t>シマ</t>
    </rPh>
    <phoneticPr fontId="1"/>
  </si>
  <si>
    <t>地域型</t>
    <rPh sb="0" eb="3">
      <t>チイキガタ</t>
    </rPh>
    <phoneticPr fontId="1"/>
  </si>
  <si>
    <t>山田</t>
    <rPh sb="0" eb="2">
      <t>ヤマダ</t>
    </rPh>
    <phoneticPr fontId="1"/>
  </si>
  <si>
    <t>細入</t>
    <rPh sb="0" eb="2">
      <t>ホソイリ</t>
    </rPh>
    <phoneticPr fontId="1"/>
  </si>
  <si>
    <t>＊公私立欄の「認定」は認定こども園、「地域型」は地域型保育事業をいい、それ以外は保育所をいいます。</t>
    <rPh sb="19" eb="22">
      <t>チイキガタ</t>
    </rPh>
    <rPh sb="24" eb="27">
      <t>チイキガタ</t>
    </rPh>
    <rPh sb="27" eb="29">
      <t>ホイク</t>
    </rPh>
    <rPh sb="29" eb="31">
      <t>ジギョウ</t>
    </rPh>
    <rPh sb="37" eb="39">
      <t>イガイ</t>
    </rPh>
    <rPh sb="40" eb="42">
      <t>ホイク</t>
    </rPh>
    <rPh sb="42" eb="43">
      <t>ショ</t>
    </rPh>
    <phoneticPr fontId="1"/>
  </si>
  <si>
    <t>＊認定こども園の定員は2号・3号の定員です。</t>
    <rPh sb="1" eb="3">
      <t>ニンテイ</t>
    </rPh>
    <rPh sb="6" eb="7">
      <t>エン</t>
    </rPh>
    <rPh sb="8" eb="10">
      <t>テイイン</t>
    </rPh>
    <rPh sb="12" eb="13">
      <t>ゴウ</t>
    </rPh>
    <rPh sb="15" eb="16">
      <t>ゴウ</t>
    </rPh>
    <rPh sb="17" eb="19">
      <t>テイイン</t>
    </rPh>
    <phoneticPr fontId="1"/>
  </si>
  <si>
    <t>＊職員の配置状況等によっては対応できない場合があります。</t>
    <rPh sb="1" eb="3">
      <t>ショクイン</t>
    </rPh>
    <rPh sb="4" eb="6">
      <t>ハイチ</t>
    </rPh>
    <rPh sb="6" eb="8">
      <t>ジョウキョウ</t>
    </rPh>
    <rPh sb="8" eb="9">
      <t>ナド</t>
    </rPh>
    <rPh sb="14" eb="16">
      <t>タイオウ</t>
    </rPh>
    <rPh sb="20" eb="22">
      <t>バアイ</t>
    </rPh>
    <phoneticPr fontId="1"/>
  </si>
  <si>
    <t>注１）祝日（開園日）のみ実施。</t>
    <rPh sb="0" eb="1">
      <t>チュウ</t>
    </rPh>
    <rPh sb="3" eb="5">
      <t>シュクジツ</t>
    </rPh>
    <rPh sb="6" eb="9">
      <t>カイエンビ</t>
    </rPh>
    <rPh sb="12" eb="14">
      <t>ジッシ</t>
    </rPh>
    <phoneticPr fontId="1"/>
  </si>
  <si>
    <t>かみいいの認定こども園</t>
    <rPh sb="5" eb="7">
      <t>ニンテイ</t>
    </rPh>
    <rPh sb="10" eb="11">
      <t>エン</t>
    </rPh>
    <phoneticPr fontId="1"/>
  </si>
  <si>
    <t>上飯野19-2</t>
    <rPh sb="0" eb="3">
      <t>カミイイノ</t>
    </rPh>
    <phoneticPr fontId="1"/>
  </si>
  <si>
    <t>452-5001</t>
    <phoneticPr fontId="1"/>
  </si>
  <si>
    <t>～</t>
    <phoneticPr fontId="1"/>
  </si>
  <si>
    <t>7時</t>
    <rPh sb="1" eb="2">
      <t>ジ</t>
    </rPh>
    <phoneticPr fontId="1"/>
  </si>
  <si>
    <t>8時</t>
    <rPh sb="1" eb="2">
      <t>ジ</t>
    </rPh>
    <phoneticPr fontId="1"/>
  </si>
  <si>
    <t>開所時間</t>
    <rPh sb="0" eb="2">
      <t>カイショ</t>
    </rPh>
    <rPh sb="2" eb="4">
      <t>ジカン</t>
    </rPh>
    <phoneticPr fontId="1"/>
  </si>
  <si>
    <t>大沢野</t>
    <rPh sb="0" eb="3">
      <t>オオサワノ</t>
    </rPh>
    <phoneticPr fontId="1"/>
  </si>
  <si>
    <t>大山</t>
    <rPh sb="0" eb="2">
      <t>オオヤマ</t>
    </rPh>
    <phoneticPr fontId="1"/>
  </si>
  <si>
    <t>八尾</t>
    <rPh sb="0" eb="2">
      <t>ヤツオ</t>
    </rPh>
    <phoneticPr fontId="1"/>
  </si>
  <si>
    <t>婦中</t>
    <rPh sb="0" eb="2">
      <t>フチュウ</t>
    </rPh>
    <phoneticPr fontId="1"/>
  </si>
  <si>
    <t>済生会富山くすのき保育園</t>
    <rPh sb="0" eb="3">
      <t>サイセイカイ</t>
    </rPh>
    <rPh sb="3" eb="5">
      <t>トヤマ</t>
    </rPh>
    <rPh sb="9" eb="12">
      <t>ホイクエン</t>
    </rPh>
    <phoneticPr fontId="1"/>
  </si>
  <si>
    <t>下飯野301</t>
    <rPh sb="0" eb="3">
      <t>シモイイノ</t>
    </rPh>
    <phoneticPr fontId="1"/>
  </si>
  <si>
    <t>北代4139</t>
    <rPh sb="0" eb="1">
      <t>キタ</t>
    </rPh>
    <rPh sb="1" eb="2">
      <t>ダイ</t>
    </rPh>
    <phoneticPr fontId="1"/>
  </si>
  <si>
    <t>西田地方町二丁目10番30号</t>
    <rPh sb="0" eb="1">
      <t>ニシ</t>
    </rPh>
    <rPh sb="1" eb="2">
      <t>デン</t>
    </rPh>
    <rPh sb="2" eb="4">
      <t>チホウ</t>
    </rPh>
    <rPh sb="4" eb="5">
      <t>マチ</t>
    </rPh>
    <rPh sb="5" eb="8">
      <t>ニチョウメ</t>
    </rPh>
    <rPh sb="10" eb="11">
      <t>バン</t>
    </rPh>
    <rPh sb="13" eb="14">
      <t>ゴウ</t>
    </rPh>
    <phoneticPr fontId="1"/>
  </si>
  <si>
    <t>千原崎二丁目4-23</t>
    <rPh sb="0" eb="2">
      <t>チハラ</t>
    </rPh>
    <rPh sb="2" eb="3">
      <t>サキ</t>
    </rPh>
    <rPh sb="3" eb="6">
      <t>ニチョウメ</t>
    </rPh>
    <phoneticPr fontId="4"/>
  </si>
  <si>
    <t>私立認定</t>
    <rPh sb="0" eb="2">
      <t>ワタクシリツ</t>
    </rPh>
    <rPh sb="2" eb="4">
      <t>ニンテイ</t>
    </rPh>
    <phoneticPr fontId="1"/>
  </si>
  <si>
    <t>富山</t>
    <phoneticPr fontId="1"/>
  </si>
  <si>
    <t>堀川保育園</t>
    <rPh sb="4" eb="5">
      <t>エン</t>
    </rPh>
    <phoneticPr fontId="4"/>
  </si>
  <si>
    <t>○</t>
  </si>
  <si>
    <t>私立</t>
    <rPh sb="0" eb="2">
      <t>ワタクシリツ</t>
    </rPh>
    <phoneticPr fontId="1"/>
  </si>
  <si>
    <t>みやの保育所</t>
    <rPh sb="3" eb="5">
      <t>ホイク</t>
    </rPh>
    <phoneticPr fontId="5"/>
  </si>
  <si>
    <t>婦中町地角410</t>
    <rPh sb="0" eb="2">
      <t>フチュウ</t>
    </rPh>
    <rPh sb="2" eb="3">
      <t>マチ</t>
    </rPh>
    <rPh sb="3" eb="5">
      <t>ジカク</t>
    </rPh>
    <phoneticPr fontId="4"/>
  </si>
  <si>
    <t>大久保認定こども園</t>
    <rPh sb="0" eb="3">
      <t>オオクボ</t>
    </rPh>
    <rPh sb="3" eb="5">
      <t>ニンテイ</t>
    </rPh>
    <rPh sb="8" eb="9">
      <t>エン</t>
    </rPh>
    <phoneticPr fontId="1"/>
  </si>
  <si>
    <t>468-2670</t>
  </si>
  <si>
    <t>～</t>
  </si>
  <si>
    <t>にこっと保育園</t>
    <rPh sb="4" eb="7">
      <t>ホイクエン</t>
    </rPh>
    <phoneticPr fontId="1"/>
  </si>
  <si>
    <t>総曲輪1-7 2階</t>
    <rPh sb="0" eb="3">
      <t>ソウガワ</t>
    </rPh>
    <rPh sb="8" eb="9">
      <t>カイ</t>
    </rPh>
    <phoneticPr fontId="1"/>
  </si>
  <si>
    <t>423-1630</t>
  </si>
  <si>
    <t>432-5052</t>
  </si>
  <si>
    <t>432-7051</t>
  </si>
  <si>
    <t>435-0222</t>
  </si>
  <si>
    <t>424-0472</t>
  </si>
  <si>
    <t>432-7290</t>
  </si>
  <si>
    <t>436-5201</t>
  </si>
  <si>
    <t>432-2593</t>
  </si>
  <si>
    <t>434-2446</t>
  </si>
  <si>
    <t>436-6200</t>
  </si>
  <si>
    <t>478-2207</t>
  </si>
  <si>
    <t>478-3251</t>
  </si>
  <si>
    <t>424-0564</t>
  </si>
  <si>
    <t>429-4263</t>
  </si>
  <si>
    <t>421-9456</t>
  </si>
  <si>
    <t>429-5885</t>
  </si>
  <si>
    <t>石田2128-3</t>
  </si>
  <si>
    <t>21時</t>
  </si>
  <si>
    <t>421-0761</t>
  </si>
  <si>
    <t>423-7380</t>
  </si>
  <si>
    <t>431-2869</t>
  </si>
  <si>
    <t>421-5000</t>
  </si>
  <si>
    <t>じんぼ保育園</t>
    <rPh sb="5" eb="6">
      <t>エン</t>
    </rPh>
    <phoneticPr fontId="5"/>
  </si>
  <si>
    <t>雲雀ケ丘保育所</t>
    <phoneticPr fontId="4"/>
  </si>
  <si>
    <t>大沢野こども園</t>
    <rPh sb="0" eb="3">
      <t>オオサワノ</t>
    </rPh>
    <rPh sb="6" eb="7">
      <t>エン</t>
    </rPh>
    <phoneticPr fontId="5"/>
  </si>
  <si>
    <t>新桜町6-15 Toyama Sakuraビル1階</t>
    <rPh sb="0" eb="3">
      <t>シンサクラマチ</t>
    </rPh>
    <rPh sb="24" eb="25">
      <t>カイ</t>
    </rPh>
    <phoneticPr fontId="4"/>
  </si>
  <si>
    <t>437-1804</t>
    <phoneticPr fontId="1"/>
  </si>
  <si>
    <t>7時30分</t>
    <rPh sb="1" eb="2">
      <t>ジ</t>
    </rPh>
    <rPh sb="4" eb="5">
      <t>フン</t>
    </rPh>
    <phoneticPr fontId="1"/>
  </si>
  <si>
    <t>18時30分</t>
    <rPh sb="2" eb="3">
      <t>ジ</t>
    </rPh>
    <rPh sb="5" eb="6">
      <t>フン</t>
    </rPh>
    <phoneticPr fontId="1"/>
  </si>
  <si>
    <t>19時30分</t>
    <rPh sb="2" eb="3">
      <t>ジ</t>
    </rPh>
    <rPh sb="5" eb="6">
      <t>フン</t>
    </rPh>
    <phoneticPr fontId="1"/>
  </si>
  <si>
    <r>
      <t>△</t>
    </r>
    <r>
      <rPr>
        <vertAlign val="superscript"/>
        <sz val="8"/>
        <rFont val="ＭＳ 明朝"/>
        <family val="1"/>
        <charset val="128"/>
      </rPr>
      <t>注１）</t>
    </r>
    <rPh sb="1" eb="2">
      <t>チュウ</t>
    </rPh>
    <phoneticPr fontId="1"/>
  </si>
  <si>
    <t>482-3493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8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9"/>
      <name val="ＭＳ 明朝"/>
      <family val="1"/>
      <charset val="128"/>
    </font>
    <font>
      <sz val="16"/>
      <name val="ＭＳ 明朝"/>
      <family val="1"/>
      <charset val="128"/>
    </font>
    <font>
      <vertAlign val="superscript"/>
      <sz val="8"/>
      <name val="ＭＳ 明朝"/>
      <family val="1"/>
      <charset val="128"/>
    </font>
    <font>
      <sz val="6"/>
      <name val="ＭＳ 明朝"/>
      <family val="1"/>
      <charset val="128"/>
    </font>
    <font>
      <strike/>
      <sz val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2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/>
    <xf numFmtId="38" fontId="3" fillId="0" borderId="0" applyFont="0" applyFill="0" applyBorder="0" applyAlignment="0" applyProtection="0">
      <alignment vertical="center"/>
    </xf>
  </cellStyleXfs>
  <cellXfs count="32">
    <xf numFmtId="0" fontId="0" fillId="0" borderId="0" xfId="0">
      <alignment vertical="center"/>
    </xf>
    <xf numFmtId="0" fontId="2" fillId="0" borderId="0" xfId="1" applyAlignment="1">
      <alignment vertical="center"/>
    </xf>
    <xf numFmtId="0" fontId="2" fillId="0" borderId="0" xfId="1" applyAlignment="1">
      <alignment vertical="center" shrinkToFit="1"/>
    </xf>
    <xf numFmtId="0" fontId="2" fillId="0" borderId="0" xfId="1" applyAlignment="1">
      <alignment horizontal="center" vertical="center" shrinkToFit="1"/>
    </xf>
    <xf numFmtId="0" fontId="2" fillId="0" borderId="0" xfId="1" applyFont="1" applyFill="1" applyAlignment="1">
      <alignment vertical="center"/>
    </xf>
    <xf numFmtId="0" fontId="2" fillId="0" borderId="1" xfId="1" applyFont="1" applyFill="1" applyBorder="1" applyAlignment="1">
      <alignment horizontal="center" vertical="center" shrinkToFit="1"/>
    </xf>
    <xf numFmtId="38" fontId="2" fillId="0" borderId="1" xfId="2" applyFont="1" applyFill="1" applyBorder="1" applyAlignment="1">
      <alignment vertical="center" wrapText="1"/>
    </xf>
    <xf numFmtId="38" fontId="2" fillId="0" borderId="1" xfId="2" applyFont="1" applyFill="1" applyBorder="1" applyAlignment="1">
      <alignment vertical="center"/>
    </xf>
    <xf numFmtId="0" fontId="2" fillId="0" borderId="0" xfId="1" applyAlignment="1">
      <alignment horizontal="left" vertical="center"/>
    </xf>
    <xf numFmtId="0" fontId="2" fillId="0" borderId="1" xfId="1" applyFont="1" applyFill="1" applyBorder="1" applyAlignment="1">
      <alignment horizontal="center" vertical="center" wrapText="1"/>
    </xf>
    <xf numFmtId="0" fontId="2" fillId="0" borderId="1" xfId="1" applyFont="1" applyFill="1" applyBorder="1" applyAlignment="1">
      <alignment horizontal="center" vertical="center"/>
    </xf>
    <xf numFmtId="38" fontId="6" fillId="2" borderId="1" xfId="2" applyFont="1" applyFill="1" applyBorder="1" applyAlignment="1">
      <alignment horizontal="center" vertical="center" wrapText="1"/>
    </xf>
    <xf numFmtId="0" fontId="6" fillId="2" borderId="1" xfId="1" applyFont="1" applyFill="1" applyBorder="1" applyAlignment="1">
      <alignment horizontal="center" vertical="center"/>
    </xf>
    <xf numFmtId="0" fontId="7" fillId="0" borderId="0" xfId="1" applyFont="1" applyAlignment="1">
      <alignment vertical="center"/>
    </xf>
    <xf numFmtId="0" fontId="2" fillId="0" borderId="3" xfId="1" applyFont="1" applyFill="1" applyBorder="1" applyAlignment="1">
      <alignment horizontal="center" vertical="center" shrinkToFit="1"/>
    </xf>
    <xf numFmtId="0" fontId="2" fillId="0" borderId="2" xfId="1" applyFont="1" applyFill="1" applyBorder="1" applyAlignment="1">
      <alignment horizontal="center" vertical="center" shrinkToFit="1"/>
    </xf>
    <xf numFmtId="0" fontId="9" fillId="0" borderId="4" xfId="1" applyFont="1" applyFill="1" applyBorder="1" applyAlignment="1">
      <alignment horizontal="center" vertical="center" wrapText="1"/>
    </xf>
    <xf numFmtId="32" fontId="2" fillId="0" borderId="2" xfId="1" applyNumberFormat="1" applyFont="1" applyFill="1" applyBorder="1" applyAlignment="1">
      <alignment horizontal="center" vertical="center" shrinkToFit="1"/>
    </xf>
    <xf numFmtId="0" fontId="10" fillId="0" borderId="1" xfId="1" applyFont="1" applyFill="1" applyBorder="1" applyAlignment="1">
      <alignment horizontal="center" vertical="center" shrinkToFit="1"/>
    </xf>
    <xf numFmtId="49" fontId="2" fillId="0" borderId="2" xfId="1" applyNumberFormat="1" applyFont="1" applyFill="1" applyBorder="1" applyAlignment="1">
      <alignment horizontal="center" vertical="center" shrinkToFit="1"/>
    </xf>
    <xf numFmtId="49" fontId="2" fillId="0" borderId="3" xfId="1" applyNumberFormat="1" applyFont="1" applyFill="1" applyBorder="1" applyAlignment="1">
      <alignment horizontal="center" vertical="center" shrinkToFit="1"/>
    </xf>
    <xf numFmtId="0" fontId="2" fillId="0" borderId="1" xfId="1" applyFont="1" applyFill="1" applyBorder="1" applyAlignment="1">
      <alignment vertical="center" shrinkToFit="1"/>
    </xf>
    <xf numFmtId="0" fontId="2" fillId="0" borderId="0" xfId="1" applyFont="1" applyAlignment="1">
      <alignment vertical="center"/>
    </xf>
    <xf numFmtId="0" fontId="2" fillId="0" borderId="0" xfId="1" applyFont="1" applyAlignment="1" applyProtection="1">
      <alignment vertical="center"/>
      <protection locked="0"/>
    </xf>
    <xf numFmtId="0" fontId="2" fillId="0" borderId="0" xfId="1" applyFont="1" applyAlignment="1">
      <alignment horizontal="center" vertical="center" shrinkToFit="1"/>
    </xf>
    <xf numFmtId="0" fontId="2" fillId="2" borderId="1" xfId="1" applyFont="1" applyFill="1" applyBorder="1" applyAlignment="1">
      <alignment horizontal="center" vertical="center"/>
    </xf>
    <xf numFmtId="0" fontId="2" fillId="2" borderId="2" xfId="1" applyFont="1" applyFill="1" applyBorder="1" applyAlignment="1">
      <alignment horizontal="centerContinuous" vertical="center"/>
    </xf>
    <xf numFmtId="0" fontId="2" fillId="2" borderId="3" xfId="1" applyFont="1" applyFill="1" applyBorder="1" applyAlignment="1">
      <alignment horizontal="centerContinuous" vertical="center"/>
    </xf>
    <xf numFmtId="0" fontId="2" fillId="2" borderId="2" xfId="1" applyFont="1" applyFill="1" applyBorder="1" applyAlignment="1">
      <alignment horizontal="centerContinuous" vertical="center" shrinkToFit="1"/>
    </xf>
    <xf numFmtId="0" fontId="2" fillId="2" borderId="4" xfId="1" applyFont="1" applyFill="1" applyBorder="1" applyAlignment="1">
      <alignment horizontal="centerContinuous" vertical="center" shrinkToFit="1"/>
    </xf>
    <xf numFmtId="0" fontId="2" fillId="2" borderId="3" xfId="1" applyFont="1" applyFill="1" applyBorder="1" applyAlignment="1">
      <alignment horizontal="centerContinuous" vertical="center" shrinkToFit="1"/>
    </xf>
    <xf numFmtId="0" fontId="2" fillId="2" borderId="1" xfId="1" applyFont="1" applyFill="1" applyBorder="1" applyAlignment="1">
      <alignment horizontal="center" vertical="center" wrapText="1" shrinkToFit="1"/>
    </xf>
  </cellXfs>
  <cellStyles count="3"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colors>
    <mruColors>
      <color rgb="FFFFCCFF"/>
      <color rgb="FF33CCCC"/>
      <color rgb="FF33CCFF"/>
      <color rgb="FF00FF99"/>
      <color rgb="FF00FFCC"/>
      <color rgb="FF00CC99"/>
      <color rgb="FF0099CC"/>
      <color rgb="FF009999"/>
      <color rgb="FF66FFFF"/>
      <color rgb="FFFF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126"/>
  <sheetViews>
    <sheetView tabSelected="1" view="pageBreakPreview" zoomScale="130" zoomScaleNormal="130" zoomScaleSheetLayoutView="130" workbookViewId="0">
      <pane ySplit="2" topLeftCell="A3" activePane="bottomLeft" state="frozen"/>
      <selection pane="bottomLeft" activeCell="D7" sqref="D7"/>
    </sheetView>
  </sheetViews>
  <sheetFormatPr defaultColWidth="6.5" defaultRowHeight="9.6"/>
  <cols>
    <col min="1" max="1" width="4.5" style="1" customWidth="1"/>
    <col min="2" max="2" width="5.3984375" style="1" customWidth="1"/>
    <col min="3" max="3" width="2.59765625" style="1" customWidth="1"/>
    <col min="4" max="4" width="19" style="1" customWidth="1"/>
    <col min="5" max="5" width="3.8984375" style="1" customWidth="1"/>
    <col min="6" max="6" width="6.8984375" style="1" customWidth="1"/>
    <col min="7" max="7" width="16.8984375" style="1" customWidth="1"/>
    <col min="8" max="8" width="7" style="1" customWidth="1"/>
    <col min="9" max="9" width="3.5" style="1" customWidth="1"/>
    <col min="10" max="10" width="2.59765625" style="1" customWidth="1"/>
    <col min="11" max="11" width="4.19921875" style="3" customWidth="1"/>
    <col min="12" max="16" width="5.3984375" style="3" customWidth="1"/>
    <col min="17" max="16384" width="6.5" style="1"/>
  </cols>
  <sheetData>
    <row r="1" spans="1:16" ht="19.2">
      <c r="A1" s="13" t="s">
        <v>290</v>
      </c>
      <c r="B1" s="22"/>
      <c r="C1" s="22"/>
      <c r="D1" s="23"/>
      <c r="E1" s="23"/>
      <c r="F1" s="23"/>
      <c r="G1" s="22"/>
      <c r="H1" s="22"/>
      <c r="I1" s="22"/>
      <c r="J1" s="22"/>
      <c r="K1" s="24"/>
      <c r="L1" s="24"/>
      <c r="M1" s="24"/>
      <c r="N1" s="24"/>
      <c r="O1" s="24"/>
      <c r="P1" s="24"/>
    </row>
    <row r="2" spans="1:16" s="8" customFormat="1" ht="30" customHeight="1">
      <c r="A2" s="25" t="s">
        <v>291</v>
      </c>
      <c r="B2" s="25" t="s">
        <v>292</v>
      </c>
      <c r="C2" s="26" t="s">
        <v>303</v>
      </c>
      <c r="D2" s="27"/>
      <c r="E2" s="11" t="s">
        <v>63</v>
      </c>
      <c r="F2" s="11" t="s">
        <v>293</v>
      </c>
      <c r="G2" s="12" t="s">
        <v>294</v>
      </c>
      <c r="H2" s="12" t="s">
        <v>295</v>
      </c>
      <c r="I2" s="28" t="s">
        <v>357</v>
      </c>
      <c r="J2" s="29"/>
      <c r="K2" s="30"/>
      <c r="L2" s="31" t="s">
        <v>298</v>
      </c>
      <c r="M2" s="31" t="s">
        <v>299</v>
      </c>
      <c r="N2" s="31" t="s">
        <v>300</v>
      </c>
      <c r="O2" s="31" t="s">
        <v>301</v>
      </c>
      <c r="P2" s="31" t="s">
        <v>302</v>
      </c>
    </row>
    <row r="3" spans="1:16" s="4" customFormat="1" ht="15.75" customHeight="1">
      <c r="A3" s="10" t="s">
        <v>368</v>
      </c>
      <c r="B3" s="5" t="s">
        <v>341</v>
      </c>
      <c r="C3" s="10">
        <v>1</v>
      </c>
      <c r="D3" s="21" t="s">
        <v>62</v>
      </c>
      <c r="E3" s="6">
        <v>115</v>
      </c>
      <c r="F3" s="5" t="s">
        <v>306</v>
      </c>
      <c r="G3" s="21" t="s">
        <v>64</v>
      </c>
      <c r="H3" s="9" t="s">
        <v>379</v>
      </c>
      <c r="I3" s="15" t="s">
        <v>355</v>
      </c>
      <c r="J3" s="16" t="s">
        <v>354</v>
      </c>
      <c r="K3" s="14" t="s">
        <v>296</v>
      </c>
      <c r="L3" s="5"/>
      <c r="M3" s="5"/>
      <c r="N3" s="5"/>
      <c r="O3" s="5"/>
      <c r="P3" s="5"/>
    </row>
    <row r="4" spans="1:16" s="4" customFormat="1" ht="15" customHeight="1">
      <c r="A4" s="10" t="s">
        <v>368</v>
      </c>
      <c r="B4" s="5" t="s">
        <v>341</v>
      </c>
      <c r="C4" s="10">
        <v>2</v>
      </c>
      <c r="D4" s="21" t="s">
        <v>61</v>
      </c>
      <c r="E4" s="6">
        <v>105</v>
      </c>
      <c r="F4" s="5" t="s">
        <v>306</v>
      </c>
      <c r="G4" s="21" t="s">
        <v>65</v>
      </c>
      <c r="H4" s="9" t="s">
        <v>380</v>
      </c>
      <c r="I4" s="15" t="s">
        <v>355</v>
      </c>
      <c r="J4" s="16" t="s">
        <v>354</v>
      </c>
      <c r="K4" s="14" t="s">
        <v>296</v>
      </c>
      <c r="L4" s="5"/>
      <c r="M4" s="5"/>
      <c r="N4" s="5"/>
      <c r="O4" s="5"/>
      <c r="P4" s="5" t="s">
        <v>56</v>
      </c>
    </row>
    <row r="5" spans="1:16" s="4" customFormat="1" ht="15" customHeight="1">
      <c r="A5" s="10" t="s">
        <v>368</v>
      </c>
      <c r="B5" s="5" t="s">
        <v>341</v>
      </c>
      <c r="C5" s="10">
        <v>3</v>
      </c>
      <c r="D5" s="21" t="s">
        <v>60</v>
      </c>
      <c r="E5" s="6">
        <v>110</v>
      </c>
      <c r="F5" s="5" t="s">
        <v>306</v>
      </c>
      <c r="G5" s="21" t="s">
        <v>305</v>
      </c>
      <c r="H5" s="9" t="s">
        <v>381</v>
      </c>
      <c r="I5" s="15" t="s">
        <v>355</v>
      </c>
      <c r="J5" s="16" t="s">
        <v>354</v>
      </c>
      <c r="K5" s="14" t="s">
        <v>296</v>
      </c>
      <c r="L5" s="5" t="s">
        <v>56</v>
      </c>
      <c r="M5" s="5"/>
      <c r="N5" s="5"/>
      <c r="O5" s="5"/>
      <c r="P5" s="5"/>
    </row>
    <row r="6" spans="1:16" s="4" customFormat="1" ht="15" customHeight="1">
      <c r="A6" s="10" t="s">
        <v>368</v>
      </c>
      <c r="B6" s="5" t="s">
        <v>341</v>
      </c>
      <c r="C6" s="10">
        <v>4</v>
      </c>
      <c r="D6" s="21" t="s">
        <v>59</v>
      </c>
      <c r="E6" s="6">
        <v>60</v>
      </c>
      <c r="F6" s="5" t="s">
        <v>306</v>
      </c>
      <c r="G6" s="21" t="s">
        <v>66</v>
      </c>
      <c r="H6" s="9" t="s">
        <v>382</v>
      </c>
      <c r="I6" s="15" t="s">
        <v>355</v>
      </c>
      <c r="J6" s="16" t="s">
        <v>354</v>
      </c>
      <c r="K6" s="14" t="s">
        <v>296</v>
      </c>
      <c r="L6" s="5"/>
      <c r="M6" s="5"/>
      <c r="N6" s="5"/>
      <c r="O6" s="5"/>
      <c r="P6" s="5"/>
    </row>
    <row r="7" spans="1:16" s="4" customFormat="1" ht="15" customHeight="1">
      <c r="A7" s="10" t="s">
        <v>368</v>
      </c>
      <c r="B7" s="5" t="s">
        <v>341</v>
      </c>
      <c r="C7" s="10">
        <v>5</v>
      </c>
      <c r="D7" s="21" t="s">
        <v>58</v>
      </c>
      <c r="E7" s="6">
        <v>60</v>
      </c>
      <c r="F7" s="5" t="s">
        <v>306</v>
      </c>
      <c r="G7" s="21" t="s">
        <v>67</v>
      </c>
      <c r="H7" s="9" t="s">
        <v>57</v>
      </c>
      <c r="I7" s="19" t="s">
        <v>406</v>
      </c>
      <c r="J7" s="16" t="s">
        <v>354</v>
      </c>
      <c r="K7" s="14" t="s">
        <v>297</v>
      </c>
      <c r="L7" s="5"/>
      <c r="M7" s="5"/>
      <c r="N7" s="5"/>
      <c r="O7" s="5"/>
      <c r="P7" s="5"/>
    </row>
    <row r="8" spans="1:16" s="4" customFormat="1" ht="15" customHeight="1">
      <c r="A8" s="10" t="s">
        <v>368</v>
      </c>
      <c r="B8" s="5" t="s">
        <v>341</v>
      </c>
      <c r="C8" s="10">
        <v>6</v>
      </c>
      <c r="D8" s="21" t="s">
        <v>402</v>
      </c>
      <c r="E8" s="6">
        <v>110</v>
      </c>
      <c r="F8" s="5" t="s">
        <v>306</v>
      </c>
      <c r="G8" s="21" t="s">
        <v>68</v>
      </c>
      <c r="H8" s="9" t="s">
        <v>383</v>
      </c>
      <c r="I8" s="15" t="s">
        <v>355</v>
      </c>
      <c r="J8" s="16" t="s">
        <v>354</v>
      </c>
      <c r="K8" s="14" t="s">
        <v>296</v>
      </c>
      <c r="L8" s="5" t="s">
        <v>0</v>
      </c>
      <c r="M8" s="5"/>
      <c r="N8" s="5"/>
      <c r="O8" s="5"/>
      <c r="P8" s="5"/>
    </row>
    <row r="9" spans="1:16" s="4" customFormat="1" ht="15" customHeight="1">
      <c r="A9" s="10" t="s">
        <v>368</v>
      </c>
      <c r="B9" s="5" t="s">
        <v>341</v>
      </c>
      <c r="C9" s="10">
        <v>7</v>
      </c>
      <c r="D9" s="21" t="s">
        <v>55</v>
      </c>
      <c r="E9" s="6">
        <v>155</v>
      </c>
      <c r="F9" s="5" t="s">
        <v>306</v>
      </c>
      <c r="G9" s="21" t="s">
        <v>69</v>
      </c>
      <c r="H9" s="9" t="s">
        <v>384</v>
      </c>
      <c r="I9" s="15" t="s">
        <v>355</v>
      </c>
      <c r="J9" s="16" t="s">
        <v>354</v>
      </c>
      <c r="K9" s="14" t="s">
        <v>296</v>
      </c>
      <c r="L9" s="5" t="s">
        <v>0</v>
      </c>
      <c r="M9" s="5"/>
      <c r="N9" s="5"/>
      <c r="O9" s="5"/>
      <c r="P9" s="5"/>
    </row>
    <row r="10" spans="1:16" s="4" customFormat="1" ht="15" customHeight="1">
      <c r="A10" s="10" t="s">
        <v>368</v>
      </c>
      <c r="B10" s="5" t="s">
        <v>341</v>
      </c>
      <c r="C10" s="10">
        <v>8</v>
      </c>
      <c r="D10" s="21" t="s">
        <v>54</v>
      </c>
      <c r="E10" s="6">
        <v>90</v>
      </c>
      <c r="F10" s="5" t="s">
        <v>306</v>
      </c>
      <c r="G10" s="21" t="s">
        <v>71</v>
      </c>
      <c r="H10" s="9" t="s">
        <v>53</v>
      </c>
      <c r="I10" s="19" t="s">
        <v>406</v>
      </c>
      <c r="J10" s="16" t="s">
        <v>354</v>
      </c>
      <c r="K10" s="14" t="s">
        <v>297</v>
      </c>
      <c r="L10" s="5"/>
      <c r="M10" s="5"/>
      <c r="N10" s="5"/>
      <c r="O10" s="5"/>
      <c r="P10" s="5"/>
    </row>
    <row r="11" spans="1:16" s="4" customFormat="1" ht="15" customHeight="1">
      <c r="A11" s="10" t="s">
        <v>368</v>
      </c>
      <c r="B11" s="5" t="s">
        <v>341</v>
      </c>
      <c r="C11" s="10">
        <v>9</v>
      </c>
      <c r="D11" s="21" t="s">
        <v>52</v>
      </c>
      <c r="E11" s="6">
        <v>95</v>
      </c>
      <c r="F11" s="5" t="s">
        <v>306</v>
      </c>
      <c r="G11" s="21" t="s">
        <v>72</v>
      </c>
      <c r="H11" s="9" t="s">
        <v>385</v>
      </c>
      <c r="I11" s="19" t="s">
        <v>406</v>
      </c>
      <c r="J11" s="16" t="s">
        <v>354</v>
      </c>
      <c r="K11" s="14" t="s">
        <v>297</v>
      </c>
      <c r="L11" s="5"/>
      <c r="M11" s="5"/>
      <c r="N11" s="5"/>
      <c r="O11" s="5"/>
      <c r="P11" s="5"/>
    </row>
    <row r="12" spans="1:16" s="4" customFormat="1" ht="15" customHeight="1">
      <c r="A12" s="10" t="s">
        <v>368</v>
      </c>
      <c r="B12" s="5" t="s">
        <v>341</v>
      </c>
      <c r="C12" s="10">
        <v>10</v>
      </c>
      <c r="D12" s="21" t="s">
        <v>51</v>
      </c>
      <c r="E12" s="6">
        <v>70</v>
      </c>
      <c r="F12" s="5" t="s">
        <v>306</v>
      </c>
      <c r="G12" s="21" t="s">
        <v>73</v>
      </c>
      <c r="H12" s="9" t="s">
        <v>386</v>
      </c>
      <c r="I12" s="19" t="s">
        <v>406</v>
      </c>
      <c r="J12" s="16" t="s">
        <v>354</v>
      </c>
      <c r="K12" s="14" t="s">
        <v>297</v>
      </c>
      <c r="L12" s="5"/>
      <c r="M12" s="5"/>
      <c r="N12" s="5"/>
      <c r="O12" s="5"/>
      <c r="P12" s="5"/>
    </row>
    <row r="13" spans="1:16" s="4" customFormat="1" ht="15" customHeight="1">
      <c r="A13" s="10" t="s">
        <v>368</v>
      </c>
      <c r="B13" s="5" t="s">
        <v>341</v>
      </c>
      <c r="C13" s="10">
        <v>11</v>
      </c>
      <c r="D13" s="21" t="s">
        <v>50</v>
      </c>
      <c r="E13" s="6">
        <v>180</v>
      </c>
      <c r="F13" s="5" t="s">
        <v>306</v>
      </c>
      <c r="G13" s="21" t="s">
        <v>74</v>
      </c>
      <c r="H13" s="9" t="s">
        <v>387</v>
      </c>
      <c r="I13" s="15" t="s">
        <v>355</v>
      </c>
      <c r="J13" s="16" t="s">
        <v>354</v>
      </c>
      <c r="K13" s="14" t="s">
        <v>296</v>
      </c>
      <c r="L13" s="5" t="s">
        <v>0</v>
      </c>
      <c r="M13" s="5"/>
      <c r="N13" s="5"/>
      <c r="O13" s="5"/>
      <c r="P13" s="5" t="s">
        <v>0</v>
      </c>
    </row>
    <row r="14" spans="1:16" s="4" customFormat="1" ht="15" customHeight="1">
      <c r="A14" s="10" t="s">
        <v>368</v>
      </c>
      <c r="B14" s="5" t="s">
        <v>341</v>
      </c>
      <c r="C14" s="10">
        <v>12</v>
      </c>
      <c r="D14" s="21" t="s">
        <v>49</v>
      </c>
      <c r="E14" s="6">
        <v>60</v>
      </c>
      <c r="F14" s="5" t="s">
        <v>306</v>
      </c>
      <c r="G14" s="21" t="s">
        <v>75</v>
      </c>
      <c r="H14" s="9" t="s">
        <v>48</v>
      </c>
      <c r="I14" s="19" t="s">
        <v>406</v>
      </c>
      <c r="J14" s="16" t="s">
        <v>354</v>
      </c>
      <c r="K14" s="14" t="s">
        <v>297</v>
      </c>
      <c r="L14" s="5"/>
      <c r="M14" s="5"/>
      <c r="N14" s="5"/>
      <c r="O14" s="5"/>
      <c r="P14" s="5"/>
    </row>
    <row r="15" spans="1:16" s="4" customFormat="1" ht="15" customHeight="1">
      <c r="A15" s="10" t="s">
        <v>368</v>
      </c>
      <c r="B15" s="5" t="s">
        <v>341</v>
      </c>
      <c r="C15" s="10">
        <v>13</v>
      </c>
      <c r="D15" s="21" t="s">
        <v>47</v>
      </c>
      <c r="E15" s="6">
        <v>60</v>
      </c>
      <c r="F15" s="5" t="s">
        <v>306</v>
      </c>
      <c r="G15" s="21" t="s">
        <v>76</v>
      </c>
      <c r="H15" s="9" t="s">
        <v>46</v>
      </c>
      <c r="I15" s="19" t="s">
        <v>406</v>
      </c>
      <c r="J15" s="16" t="s">
        <v>354</v>
      </c>
      <c r="K15" s="14" t="s">
        <v>297</v>
      </c>
      <c r="L15" s="5"/>
      <c r="M15" s="5"/>
      <c r="N15" s="5"/>
      <c r="O15" s="5"/>
      <c r="P15" s="5"/>
    </row>
    <row r="16" spans="1:16" s="4" customFormat="1" ht="15" customHeight="1">
      <c r="A16" s="10" t="s">
        <v>368</v>
      </c>
      <c r="B16" s="5" t="s">
        <v>341</v>
      </c>
      <c r="C16" s="10">
        <v>14</v>
      </c>
      <c r="D16" s="21" t="s">
        <v>45</v>
      </c>
      <c r="E16" s="6">
        <v>45</v>
      </c>
      <c r="F16" s="5" t="s">
        <v>306</v>
      </c>
      <c r="G16" s="21" t="s">
        <v>77</v>
      </c>
      <c r="H16" s="9" t="s">
        <v>388</v>
      </c>
      <c r="I16" s="19" t="s">
        <v>406</v>
      </c>
      <c r="J16" s="16" t="s">
        <v>354</v>
      </c>
      <c r="K16" s="14" t="s">
        <v>297</v>
      </c>
      <c r="L16" s="5"/>
      <c r="M16" s="5"/>
      <c r="N16" s="5"/>
      <c r="O16" s="5"/>
      <c r="P16" s="5"/>
    </row>
    <row r="17" spans="1:16" s="4" customFormat="1" ht="15" customHeight="1">
      <c r="A17" s="10" t="s">
        <v>368</v>
      </c>
      <c r="B17" s="5" t="s">
        <v>341</v>
      </c>
      <c r="C17" s="10">
        <v>15</v>
      </c>
      <c r="D17" s="21" t="s">
        <v>44</v>
      </c>
      <c r="E17" s="6">
        <v>70</v>
      </c>
      <c r="F17" s="5" t="s">
        <v>306</v>
      </c>
      <c r="G17" s="21" t="s">
        <v>78</v>
      </c>
      <c r="H17" s="9" t="s">
        <v>389</v>
      </c>
      <c r="I17" s="19" t="s">
        <v>406</v>
      </c>
      <c r="J17" s="16" t="s">
        <v>354</v>
      </c>
      <c r="K17" s="14" t="s">
        <v>297</v>
      </c>
      <c r="L17" s="5" t="s">
        <v>0</v>
      </c>
      <c r="M17" s="5"/>
      <c r="N17" s="5"/>
      <c r="O17" s="5"/>
      <c r="P17" s="5"/>
    </row>
    <row r="18" spans="1:16" s="4" customFormat="1" ht="15" customHeight="1">
      <c r="A18" s="10" t="s">
        <v>368</v>
      </c>
      <c r="B18" s="5" t="s">
        <v>341</v>
      </c>
      <c r="C18" s="10">
        <v>16</v>
      </c>
      <c r="D18" s="21" t="s">
        <v>43</v>
      </c>
      <c r="E18" s="6">
        <v>70</v>
      </c>
      <c r="F18" s="5" t="s">
        <v>306</v>
      </c>
      <c r="G18" s="21" t="s">
        <v>79</v>
      </c>
      <c r="H18" s="9" t="s">
        <v>42</v>
      </c>
      <c r="I18" s="19" t="s">
        <v>406</v>
      </c>
      <c r="J18" s="16" t="s">
        <v>354</v>
      </c>
      <c r="K18" s="14" t="s">
        <v>297</v>
      </c>
      <c r="L18" s="5"/>
      <c r="M18" s="5"/>
      <c r="N18" s="5"/>
      <c r="O18" s="5"/>
      <c r="P18" s="5"/>
    </row>
    <row r="19" spans="1:16" s="4" customFormat="1" ht="15" customHeight="1">
      <c r="A19" s="10" t="s">
        <v>368</v>
      </c>
      <c r="B19" s="5" t="s">
        <v>341</v>
      </c>
      <c r="C19" s="10">
        <v>17</v>
      </c>
      <c r="D19" s="21" t="s">
        <v>41</v>
      </c>
      <c r="E19" s="6">
        <v>60</v>
      </c>
      <c r="F19" s="5" t="s">
        <v>306</v>
      </c>
      <c r="G19" s="21" t="s">
        <v>80</v>
      </c>
      <c r="H19" s="9" t="s">
        <v>40</v>
      </c>
      <c r="I19" s="19" t="s">
        <v>406</v>
      </c>
      <c r="J19" s="16" t="s">
        <v>354</v>
      </c>
      <c r="K19" s="14" t="s">
        <v>297</v>
      </c>
      <c r="L19" s="5"/>
      <c r="M19" s="5"/>
      <c r="N19" s="5"/>
      <c r="O19" s="5"/>
      <c r="P19" s="5"/>
    </row>
    <row r="20" spans="1:16" s="4" customFormat="1" ht="15" customHeight="1">
      <c r="A20" s="10" t="s">
        <v>368</v>
      </c>
      <c r="B20" s="5" t="s">
        <v>341</v>
      </c>
      <c r="C20" s="10">
        <v>18</v>
      </c>
      <c r="D20" s="21" t="s">
        <v>39</v>
      </c>
      <c r="E20" s="6">
        <v>40</v>
      </c>
      <c r="F20" s="5" t="s">
        <v>306</v>
      </c>
      <c r="G20" s="21" t="s">
        <v>81</v>
      </c>
      <c r="H20" s="9" t="s">
        <v>390</v>
      </c>
      <c r="I20" s="19" t="s">
        <v>406</v>
      </c>
      <c r="J20" s="16" t="s">
        <v>354</v>
      </c>
      <c r="K20" s="14" t="s">
        <v>297</v>
      </c>
      <c r="L20" s="5"/>
      <c r="M20" s="5"/>
      <c r="N20" s="5"/>
      <c r="O20" s="5"/>
      <c r="P20" s="5"/>
    </row>
    <row r="21" spans="1:16" s="4" customFormat="1" ht="15" customHeight="1">
      <c r="A21" s="10" t="s">
        <v>368</v>
      </c>
      <c r="B21" s="5" t="s">
        <v>341</v>
      </c>
      <c r="C21" s="10">
        <v>19</v>
      </c>
      <c r="D21" s="21" t="s">
        <v>38</v>
      </c>
      <c r="E21" s="6">
        <v>80</v>
      </c>
      <c r="F21" s="5" t="s">
        <v>306</v>
      </c>
      <c r="G21" s="21" t="s">
        <v>82</v>
      </c>
      <c r="H21" s="9" t="s">
        <v>391</v>
      </c>
      <c r="I21" s="15" t="s">
        <v>355</v>
      </c>
      <c r="J21" s="16" t="s">
        <v>354</v>
      </c>
      <c r="K21" s="14" t="s">
        <v>296</v>
      </c>
      <c r="L21" s="5"/>
      <c r="M21" s="5"/>
      <c r="N21" s="5"/>
      <c r="O21" s="5"/>
      <c r="P21" s="5"/>
    </row>
    <row r="22" spans="1:16" s="4" customFormat="1" ht="15" customHeight="1">
      <c r="A22" s="10" t="s">
        <v>368</v>
      </c>
      <c r="B22" s="5" t="s">
        <v>341</v>
      </c>
      <c r="C22" s="10">
        <v>20</v>
      </c>
      <c r="D22" s="21" t="s">
        <v>37</v>
      </c>
      <c r="E22" s="6">
        <v>110</v>
      </c>
      <c r="F22" s="5" t="s">
        <v>306</v>
      </c>
      <c r="G22" s="21" t="s">
        <v>83</v>
      </c>
      <c r="H22" s="9" t="s">
        <v>36</v>
      </c>
      <c r="I22" s="15" t="s">
        <v>355</v>
      </c>
      <c r="J22" s="16" t="s">
        <v>354</v>
      </c>
      <c r="K22" s="14" t="s">
        <v>296</v>
      </c>
      <c r="L22" s="5"/>
      <c r="M22" s="5"/>
      <c r="N22" s="5"/>
      <c r="O22" s="5"/>
      <c r="P22" s="5"/>
    </row>
    <row r="23" spans="1:16" s="4" customFormat="1" ht="15" customHeight="1">
      <c r="A23" s="10" t="s">
        <v>368</v>
      </c>
      <c r="B23" s="5" t="s">
        <v>341</v>
      </c>
      <c r="C23" s="10">
        <v>21</v>
      </c>
      <c r="D23" s="21" t="s">
        <v>35</v>
      </c>
      <c r="E23" s="6">
        <v>80</v>
      </c>
      <c r="F23" s="5" t="s">
        <v>306</v>
      </c>
      <c r="G23" s="21" t="s">
        <v>84</v>
      </c>
      <c r="H23" s="9" t="s">
        <v>34</v>
      </c>
      <c r="I23" s="19" t="s">
        <v>406</v>
      </c>
      <c r="J23" s="16" t="s">
        <v>354</v>
      </c>
      <c r="K23" s="14" t="s">
        <v>297</v>
      </c>
      <c r="L23" s="5" t="s">
        <v>0</v>
      </c>
      <c r="M23" s="5"/>
      <c r="N23" s="5"/>
      <c r="O23" s="5"/>
      <c r="P23" s="5"/>
    </row>
    <row r="24" spans="1:16" s="4" customFormat="1" ht="15" customHeight="1">
      <c r="A24" s="10" t="s">
        <v>368</v>
      </c>
      <c r="B24" s="5" t="s">
        <v>341</v>
      </c>
      <c r="C24" s="10">
        <v>22</v>
      </c>
      <c r="D24" s="21" t="s">
        <v>33</v>
      </c>
      <c r="E24" s="6">
        <v>130</v>
      </c>
      <c r="F24" s="5" t="s">
        <v>306</v>
      </c>
      <c r="G24" s="21" t="s">
        <v>85</v>
      </c>
      <c r="H24" s="9" t="s">
        <v>392</v>
      </c>
      <c r="I24" s="15" t="s">
        <v>355</v>
      </c>
      <c r="J24" s="16" t="s">
        <v>354</v>
      </c>
      <c r="K24" s="14" t="s">
        <v>296</v>
      </c>
      <c r="L24" s="5"/>
      <c r="M24" s="5"/>
      <c r="N24" s="5"/>
      <c r="O24" s="5"/>
      <c r="P24" s="5"/>
    </row>
    <row r="25" spans="1:16" s="4" customFormat="1" ht="15" customHeight="1">
      <c r="A25" s="10" t="s">
        <v>368</v>
      </c>
      <c r="B25" s="5" t="s">
        <v>371</v>
      </c>
      <c r="C25" s="10">
        <v>23</v>
      </c>
      <c r="D25" s="21" t="s">
        <v>369</v>
      </c>
      <c r="E25" s="6">
        <v>160</v>
      </c>
      <c r="F25" s="5" t="s">
        <v>306</v>
      </c>
      <c r="G25" s="21" t="s">
        <v>70</v>
      </c>
      <c r="H25" s="9" t="s">
        <v>393</v>
      </c>
      <c r="I25" s="15" t="s">
        <v>355</v>
      </c>
      <c r="J25" s="16" t="s">
        <v>354</v>
      </c>
      <c r="K25" s="14" t="s">
        <v>322</v>
      </c>
      <c r="L25" s="5"/>
      <c r="M25" s="5"/>
      <c r="N25" s="5" t="s">
        <v>370</v>
      </c>
      <c r="O25" s="5" t="s">
        <v>370</v>
      </c>
      <c r="P25" s="5" t="s">
        <v>0</v>
      </c>
    </row>
    <row r="26" spans="1:16" s="4" customFormat="1" ht="15" customHeight="1">
      <c r="A26" s="10" t="s">
        <v>368</v>
      </c>
      <c r="B26" s="5" t="s">
        <v>304</v>
      </c>
      <c r="C26" s="10">
        <v>24</v>
      </c>
      <c r="D26" s="21" t="s">
        <v>312</v>
      </c>
      <c r="E26" s="6">
        <v>144</v>
      </c>
      <c r="F26" s="5" t="s">
        <v>306</v>
      </c>
      <c r="G26" s="21" t="s">
        <v>313</v>
      </c>
      <c r="H26" s="9" t="s">
        <v>394</v>
      </c>
      <c r="I26" s="19" t="s">
        <v>406</v>
      </c>
      <c r="J26" s="16" t="s">
        <v>354</v>
      </c>
      <c r="K26" s="14" t="s">
        <v>297</v>
      </c>
      <c r="L26" s="5"/>
      <c r="M26" s="5"/>
      <c r="N26" s="5"/>
      <c r="O26" s="5"/>
      <c r="P26" s="5"/>
    </row>
    <row r="27" spans="1:16" s="4" customFormat="1" ht="15" customHeight="1">
      <c r="A27" s="10" t="s">
        <v>368</v>
      </c>
      <c r="B27" s="5" t="s">
        <v>367</v>
      </c>
      <c r="C27" s="10">
        <v>25</v>
      </c>
      <c r="D27" s="21" t="s">
        <v>100</v>
      </c>
      <c r="E27" s="6">
        <v>160</v>
      </c>
      <c r="F27" s="5" t="s">
        <v>306</v>
      </c>
      <c r="G27" s="21" t="s">
        <v>201</v>
      </c>
      <c r="H27" s="9" t="s">
        <v>101</v>
      </c>
      <c r="I27" s="15" t="s">
        <v>355</v>
      </c>
      <c r="J27" s="16" t="s">
        <v>354</v>
      </c>
      <c r="K27" s="14" t="s">
        <v>310</v>
      </c>
      <c r="L27" s="5" t="s">
        <v>0</v>
      </c>
      <c r="M27" s="5"/>
      <c r="N27" s="5"/>
      <c r="O27" s="5" t="s">
        <v>0</v>
      </c>
      <c r="P27" s="5" t="s">
        <v>0</v>
      </c>
    </row>
    <row r="28" spans="1:16" s="4" customFormat="1" ht="15" customHeight="1">
      <c r="A28" s="10" t="s">
        <v>368</v>
      </c>
      <c r="B28" s="5" t="s">
        <v>367</v>
      </c>
      <c r="C28" s="10">
        <v>26</v>
      </c>
      <c r="D28" s="21" t="s">
        <v>102</v>
      </c>
      <c r="E28" s="6">
        <v>90</v>
      </c>
      <c r="F28" s="5" t="s">
        <v>306</v>
      </c>
      <c r="G28" s="21" t="s">
        <v>314</v>
      </c>
      <c r="H28" s="9" t="s">
        <v>103</v>
      </c>
      <c r="I28" s="15" t="s">
        <v>355</v>
      </c>
      <c r="J28" s="16" t="s">
        <v>354</v>
      </c>
      <c r="K28" s="14" t="s">
        <v>310</v>
      </c>
      <c r="L28" s="5" t="s">
        <v>0</v>
      </c>
      <c r="M28" s="5"/>
      <c r="N28" s="5"/>
      <c r="O28" s="5" t="s">
        <v>0</v>
      </c>
      <c r="P28" s="5"/>
    </row>
    <row r="29" spans="1:16" s="4" customFormat="1" ht="15" customHeight="1">
      <c r="A29" s="10" t="s">
        <v>368</v>
      </c>
      <c r="B29" s="5" t="s">
        <v>367</v>
      </c>
      <c r="C29" s="10">
        <v>27</v>
      </c>
      <c r="D29" s="21" t="s">
        <v>104</v>
      </c>
      <c r="E29" s="6">
        <v>120</v>
      </c>
      <c r="F29" s="5" t="s">
        <v>306</v>
      </c>
      <c r="G29" s="21" t="s">
        <v>202</v>
      </c>
      <c r="H29" s="9" t="s">
        <v>105</v>
      </c>
      <c r="I29" s="15" t="s">
        <v>355</v>
      </c>
      <c r="J29" s="16" t="s">
        <v>354</v>
      </c>
      <c r="K29" s="14" t="s">
        <v>310</v>
      </c>
      <c r="L29" s="5" t="s">
        <v>0</v>
      </c>
      <c r="M29" s="5"/>
      <c r="N29" s="5"/>
      <c r="O29" s="5" t="s">
        <v>0</v>
      </c>
      <c r="P29" s="5" t="s">
        <v>0</v>
      </c>
    </row>
    <row r="30" spans="1:16" s="4" customFormat="1" ht="15" customHeight="1">
      <c r="A30" s="10" t="s">
        <v>368</v>
      </c>
      <c r="B30" s="5" t="s">
        <v>367</v>
      </c>
      <c r="C30" s="10">
        <v>28</v>
      </c>
      <c r="D30" s="21" t="s">
        <v>106</v>
      </c>
      <c r="E30" s="6">
        <v>150</v>
      </c>
      <c r="F30" s="5" t="s">
        <v>306</v>
      </c>
      <c r="G30" s="21" t="s">
        <v>203</v>
      </c>
      <c r="H30" s="9" t="s">
        <v>107</v>
      </c>
      <c r="I30" s="15" t="s">
        <v>355</v>
      </c>
      <c r="J30" s="16" t="s">
        <v>354</v>
      </c>
      <c r="K30" s="14" t="s">
        <v>396</v>
      </c>
      <c r="L30" s="5" t="s">
        <v>0</v>
      </c>
      <c r="M30" s="5"/>
      <c r="N30" s="5"/>
      <c r="O30" s="5" t="s">
        <v>0</v>
      </c>
      <c r="P30" s="5" t="s">
        <v>0</v>
      </c>
    </row>
    <row r="31" spans="1:16" s="4" customFormat="1" ht="15" customHeight="1">
      <c r="A31" s="10" t="s">
        <v>368</v>
      </c>
      <c r="B31" s="5" t="s">
        <v>367</v>
      </c>
      <c r="C31" s="10">
        <v>29</v>
      </c>
      <c r="D31" s="21" t="s">
        <v>108</v>
      </c>
      <c r="E31" s="6">
        <v>140</v>
      </c>
      <c r="F31" s="5" t="s">
        <v>306</v>
      </c>
      <c r="G31" s="21" t="s">
        <v>204</v>
      </c>
      <c r="H31" s="9" t="s">
        <v>109</v>
      </c>
      <c r="I31" s="15" t="s">
        <v>355</v>
      </c>
      <c r="J31" s="16" t="s">
        <v>354</v>
      </c>
      <c r="K31" s="14" t="s">
        <v>310</v>
      </c>
      <c r="L31" s="5" t="s">
        <v>0</v>
      </c>
      <c r="M31" s="5"/>
      <c r="N31" s="5"/>
      <c r="O31" s="5" t="s">
        <v>0</v>
      </c>
      <c r="P31" s="5" t="s">
        <v>0</v>
      </c>
    </row>
    <row r="32" spans="1:16" s="4" customFormat="1" ht="15" customHeight="1">
      <c r="A32" s="10" t="s">
        <v>368</v>
      </c>
      <c r="B32" s="5" t="s">
        <v>367</v>
      </c>
      <c r="C32" s="10">
        <v>30</v>
      </c>
      <c r="D32" s="21" t="s">
        <v>315</v>
      </c>
      <c r="E32" s="6">
        <v>90</v>
      </c>
      <c r="F32" s="5" t="s">
        <v>306</v>
      </c>
      <c r="G32" s="21" t="s">
        <v>205</v>
      </c>
      <c r="H32" s="9" t="s">
        <v>110</v>
      </c>
      <c r="I32" s="15" t="s">
        <v>355</v>
      </c>
      <c r="J32" s="16" t="s">
        <v>354</v>
      </c>
      <c r="K32" s="14" t="s">
        <v>296</v>
      </c>
      <c r="L32" s="5" t="s">
        <v>0</v>
      </c>
      <c r="M32" s="5"/>
      <c r="N32" s="5"/>
      <c r="O32" s="5" t="s">
        <v>0</v>
      </c>
      <c r="P32" s="5" t="s">
        <v>0</v>
      </c>
    </row>
    <row r="33" spans="1:16" s="4" customFormat="1" ht="15" customHeight="1">
      <c r="A33" s="10" t="s">
        <v>368</v>
      </c>
      <c r="B33" s="5" t="s">
        <v>367</v>
      </c>
      <c r="C33" s="10">
        <v>31</v>
      </c>
      <c r="D33" s="21" t="s">
        <v>111</v>
      </c>
      <c r="E33" s="6">
        <v>210</v>
      </c>
      <c r="F33" s="5" t="s">
        <v>306</v>
      </c>
      <c r="G33" s="21" t="s">
        <v>206</v>
      </c>
      <c r="H33" s="9" t="s">
        <v>112</v>
      </c>
      <c r="I33" s="15" t="s">
        <v>355</v>
      </c>
      <c r="J33" s="16" t="s">
        <v>354</v>
      </c>
      <c r="K33" s="14" t="s">
        <v>296</v>
      </c>
      <c r="L33" s="5" t="s">
        <v>0</v>
      </c>
      <c r="M33" s="5"/>
      <c r="N33" s="5"/>
      <c r="O33" s="5" t="s">
        <v>0</v>
      </c>
      <c r="P33" s="5"/>
    </row>
    <row r="34" spans="1:16" s="4" customFormat="1" ht="15" customHeight="1">
      <c r="A34" s="10" t="s">
        <v>368</v>
      </c>
      <c r="B34" s="5" t="s">
        <v>367</v>
      </c>
      <c r="C34" s="10">
        <v>32</v>
      </c>
      <c r="D34" s="21" t="s">
        <v>113</v>
      </c>
      <c r="E34" s="6">
        <v>180</v>
      </c>
      <c r="F34" s="5" t="s">
        <v>306</v>
      </c>
      <c r="G34" s="21" t="s">
        <v>207</v>
      </c>
      <c r="H34" s="9" t="s">
        <v>114</v>
      </c>
      <c r="I34" s="15" t="s">
        <v>355</v>
      </c>
      <c r="J34" s="16" t="s">
        <v>354</v>
      </c>
      <c r="K34" s="14" t="s">
        <v>310</v>
      </c>
      <c r="L34" s="5" t="s">
        <v>0</v>
      </c>
      <c r="M34" s="5"/>
      <c r="N34" s="5" t="s">
        <v>0</v>
      </c>
      <c r="O34" s="5" t="s">
        <v>0</v>
      </c>
      <c r="P34" s="5" t="s">
        <v>0</v>
      </c>
    </row>
    <row r="35" spans="1:16" s="4" customFormat="1" ht="15" customHeight="1">
      <c r="A35" s="10" t="s">
        <v>368</v>
      </c>
      <c r="B35" s="5" t="s">
        <v>367</v>
      </c>
      <c r="C35" s="10">
        <v>33</v>
      </c>
      <c r="D35" s="21" t="s">
        <v>115</v>
      </c>
      <c r="E35" s="6">
        <v>100</v>
      </c>
      <c r="F35" s="5" t="s">
        <v>306</v>
      </c>
      <c r="G35" s="21" t="s">
        <v>208</v>
      </c>
      <c r="H35" s="9" t="s">
        <v>116</v>
      </c>
      <c r="I35" s="15" t="s">
        <v>355</v>
      </c>
      <c r="J35" s="16" t="s">
        <v>354</v>
      </c>
      <c r="K35" s="14" t="s">
        <v>310</v>
      </c>
      <c r="L35" s="5" t="s">
        <v>0</v>
      </c>
      <c r="M35" s="5"/>
      <c r="N35" s="5" t="s">
        <v>0</v>
      </c>
      <c r="O35" s="5" t="s">
        <v>0</v>
      </c>
      <c r="P35" s="5" t="s">
        <v>0</v>
      </c>
    </row>
    <row r="36" spans="1:16" s="4" customFormat="1" ht="15" customHeight="1">
      <c r="A36" s="10" t="s">
        <v>368</v>
      </c>
      <c r="B36" s="5" t="s">
        <v>367</v>
      </c>
      <c r="C36" s="10">
        <v>34</v>
      </c>
      <c r="D36" s="21" t="s">
        <v>117</v>
      </c>
      <c r="E36" s="6">
        <v>160</v>
      </c>
      <c r="F36" s="5" t="s">
        <v>306</v>
      </c>
      <c r="G36" s="21" t="s">
        <v>209</v>
      </c>
      <c r="H36" s="9" t="s">
        <v>118</v>
      </c>
      <c r="I36" s="15" t="s">
        <v>355</v>
      </c>
      <c r="J36" s="16" t="s">
        <v>354</v>
      </c>
      <c r="K36" s="14" t="s">
        <v>310</v>
      </c>
      <c r="L36" s="5" t="s">
        <v>0</v>
      </c>
      <c r="M36" s="5"/>
      <c r="N36" s="5" t="s">
        <v>0</v>
      </c>
      <c r="O36" s="5" t="s">
        <v>0</v>
      </c>
      <c r="P36" s="5" t="s">
        <v>0</v>
      </c>
    </row>
    <row r="37" spans="1:16" s="4" customFormat="1" ht="15" customHeight="1">
      <c r="A37" s="10" t="s">
        <v>368</v>
      </c>
      <c r="B37" s="5" t="s">
        <v>367</v>
      </c>
      <c r="C37" s="10">
        <v>35</v>
      </c>
      <c r="D37" s="21" t="s">
        <v>119</v>
      </c>
      <c r="E37" s="6">
        <v>230</v>
      </c>
      <c r="F37" s="5" t="s">
        <v>306</v>
      </c>
      <c r="G37" s="21" t="s">
        <v>210</v>
      </c>
      <c r="H37" s="9" t="s">
        <v>10</v>
      </c>
      <c r="I37" s="15" t="s">
        <v>355</v>
      </c>
      <c r="J37" s="16" t="s">
        <v>354</v>
      </c>
      <c r="K37" s="14" t="s">
        <v>296</v>
      </c>
      <c r="L37" s="5" t="s">
        <v>0</v>
      </c>
      <c r="M37" s="5"/>
      <c r="N37" s="5"/>
      <c r="O37" s="5" t="s">
        <v>0</v>
      </c>
      <c r="P37" s="5" t="s">
        <v>0</v>
      </c>
    </row>
    <row r="38" spans="1:16" s="4" customFormat="1" ht="15" customHeight="1">
      <c r="A38" s="10" t="s">
        <v>368</v>
      </c>
      <c r="B38" s="5" t="s">
        <v>367</v>
      </c>
      <c r="C38" s="10">
        <v>36</v>
      </c>
      <c r="D38" s="21" t="s">
        <v>120</v>
      </c>
      <c r="E38" s="6">
        <v>382</v>
      </c>
      <c r="F38" s="5" t="s">
        <v>306</v>
      </c>
      <c r="G38" s="21" t="s">
        <v>211</v>
      </c>
      <c r="H38" s="9" t="s">
        <v>121</v>
      </c>
      <c r="I38" s="15" t="s">
        <v>355</v>
      </c>
      <c r="J38" s="16" t="s">
        <v>354</v>
      </c>
      <c r="K38" s="14" t="s">
        <v>310</v>
      </c>
      <c r="L38" s="5" t="s">
        <v>0</v>
      </c>
      <c r="M38" s="5" t="s">
        <v>0</v>
      </c>
      <c r="N38" s="5" t="s">
        <v>0</v>
      </c>
      <c r="O38" s="5" t="s">
        <v>0</v>
      </c>
      <c r="P38" s="5" t="s">
        <v>0</v>
      </c>
    </row>
    <row r="39" spans="1:16" s="4" customFormat="1" ht="15" customHeight="1">
      <c r="A39" s="10" t="s">
        <v>368</v>
      </c>
      <c r="B39" s="5" t="s">
        <v>367</v>
      </c>
      <c r="C39" s="10">
        <v>37</v>
      </c>
      <c r="D39" s="21" t="s">
        <v>122</v>
      </c>
      <c r="E39" s="6">
        <v>90</v>
      </c>
      <c r="F39" s="5" t="s">
        <v>306</v>
      </c>
      <c r="G39" s="21" t="s">
        <v>212</v>
      </c>
      <c r="H39" s="9" t="s">
        <v>123</v>
      </c>
      <c r="I39" s="15" t="s">
        <v>355</v>
      </c>
      <c r="J39" s="16" t="s">
        <v>354</v>
      </c>
      <c r="K39" s="14" t="s">
        <v>296</v>
      </c>
      <c r="L39" s="5" t="s">
        <v>0</v>
      </c>
      <c r="M39" s="5"/>
      <c r="N39" s="5"/>
      <c r="O39" s="5" t="s">
        <v>0</v>
      </c>
      <c r="P39" s="5" t="s">
        <v>0</v>
      </c>
    </row>
    <row r="40" spans="1:16" s="4" customFormat="1" ht="15" customHeight="1">
      <c r="A40" s="10" t="s">
        <v>368</v>
      </c>
      <c r="B40" s="5" t="s">
        <v>367</v>
      </c>
      <c r="C40" s="10">
        <v>38</v>
      </c>
      <c r="D40" s="21" t="s">
        <v>316</v>
      </c>
      <c r="E40" s="6">
        <v>150</v>
      </c>
      <c r="F40" s="5" t="s">
        <v>306</v>
      </c>
      <c r="G40" s="21" t="s">
        <v>213</v>
      </c>
      <c r="H40" s="9" t="s">
        <v>124</v>
      </c>
      <c r="I40" s="15" t="s">
        <v>355</v>
      </c>
      <c r="J40" s="16" t="s">
        <v>354</v>
      </c>
      <c r="K40" s="14" t="s">
        <v>310</v>
      </c>
      <c r="L40" s="5" t="s">
        <v>0</v>
      </c>
      <c r="M40" s="5"/>
      <c r="N40" s="5" t="s">
        <v>0</v>
      </c>
      <c r="O40" s="5" t="s">
        <v>0</v>
      </c>
      <c r="P40" s="5" t="s">
        <v>0</v>
      </c>
    </row>
    <row r="41" spans="1:16" s="4" customFormat="1" ht="15" customHeight="1">
      <c r="A41" s="10" t="s">
        <v>368</v>
      </c>
      <c r="B41" s="5" t="s">
        <v>367</v>
      </c>
      <c r="C41" s="10">
        <v>39</v>
      </c>
      <c r="D41" s="21" t="s">
        <v>125</v>
      </c>
      <c r="E41" s="6">
        <v>150</v>
      </c>
      <c r="F41" s="5" t="s">
        <v>306</v>
      </c>
      <c r="G41" s="21" t="s">
        <v>214</v>
      </c>
      <c r="H41" s="9" t="s">
        <v>126</v>
      </c>
      <c r="I41" s="15" t="s">
        <v>355</v>
      </c>
      <c r="J41" s="16" t="s">
        <v>354</v>
      </c>
      <c r="K41" s="14" t="s">
        <v>310</v>
      </c>
      <c r="L41" s="5" t="s">
        <v>0</v>
      </c>
      <c r="M41" s="5"/>
      <c r="N41" s="5" t="s">
        <v>0</v>
      </c>
      <c r="O41" s="5" t="s">
        <v>0</v>
      </c>
      <c r="P41" s="5" t="s">
        <v>0</v>
      </c>
    </row>
    <row r="42" spans="1:16" s="4" customFormat="1" ht="15" customHeight="1">
      <c r="A42" s="10" t="s">
        <v>368</v>
      </c>
      <c r="B42" s="5" t="s">
        <v>367</v>
      </c>
      <c r="C42" s="10">
        <v>40</v>
      </c>
      <c r="D42" s="21" t="s">
        <v>127</v>
      </c>
      <c r="E42" s="6">
        <v>170</v>
      </c>
      <c r="F42" s="5" t="s">
        <v>306</v>
      </c>
      <c r="G42" s="21" t="s">
        <v>215</v>
      </c>
      <c r="H42" s="9" t="s">
        <v>128</v>
      </c>
      <c r="I42" s="15" t="s">
        <v>355</v>
      </c>
      <c r="J42" s="16" t="s">
        <v>354</v>
      </c>
      <c r="K42" s="14" t="s">
        <v>310</v>
      </c>
      <c r="L42" s="5" t="s">
        <v>0</v>
      </c>
      <c r="M42" s="5"/>
      <c r="N42" s="5" t="s">
        <v>0</v>
      </c>
      <c r="O42" s="5" t="s">
        <v>0</v>
      </c>
      <c r="P42" s="5" t="s">
        <v>0</v>
      </c>
    </row>
    <row r="43" spans="1:16" s="4" customFormat="1" ht="15" customHeight="1">
      <c r="A43" s="10" t="s">
        <v>368</v>
      </c>
      <c r="B43" s="5" t="s">
        <v>367</v>
      </c>
      <c r="C43" s="10">
        <v>41</v>
      </c>
      <c r="D43" s="21" t="s">
        <v>129</v>
      </c>
      <c r="E43" s="6">
        <v>140</v>
      </c>
      <c r="F43" s="5" t="s">
        <v>306</v>
      </c>
      <c r="G43" s="21" t="s">
        <v>216</v>
      </c>
      <c r="H43" s="9" t="s">
        <v>130</v>
      </c>
      <c r="I43" s="15" t="s">
        <v>355</v>
      </c>
      <c r="J43" s="16" t="s">
        <v>354</v>
      </c>
      <c r="K43" s="14" t="s">
        <v>310</v>
      </c>
      <c r="L43" s="5" t="s">
        <v>0</v>
      </c>
      <c r="M43" s="5"/>
      <c r="N43" s="5" t="s">
        <v>0</v>
      </c>
      <c r="O43" s="5" t="s">
        <v>0</v>
      </c>
      <c r="P43" s="5" t="s">
        <v>0</v>
      </c>
    </row>
    <row r="44" spans="1:16" s="4" customFormat="1" ht="15" customHeight="1">
      <c r="A44" s="10" t="s">
        <v>368</v>
      </c>
      <c r="B44" s="5" t="s">
        <v>367</v>
      </c>
      <c r="C44" s="10">
        <v>42</v>
      </c>
      <c r="D44" s="21" t="s">
        <v>131</v>
      </c>
      <c r="E44" s="6">
        <v>135</v>
      </c>
      <c r="F44" s="5" t="s">
        <v>306</v>
      </c>
      <c r="G44" s="21" t="s">
        <v>217</v>
      </c>
      <c r="H44" s="9" t="s">
        <v>132</v>
      </c>
      <c r="I44" s="15" t="s">
        <v>355</v>
      </c>
      <c r="J44" s="16" t="s">
        <v>354</v>
      </c>
      <c r="K44" s="14" t="s">
        <v>310</v>
      </c>
      <c r="L44" s="5"/>
      <c r="M44" s="5"/>
      <c r="N44" s="5" t="s">
        <v>0</v>
      </c>
      <c r="O44" s="5" t="s">
        <v>0</v>
      </c>
      <c r="P44" s="5"/>
    </row>
    <row r="45" spans="1:16" s="4" customFormat="1" ht="15" customHeight="1">
      <c r="A45" s="10" t="s">
        <v>368</v>
      </c>
      <c r="B45" s="5" t="s">
        <v>367</v>
      </c>
      <c r="C45" s="10">
        <v>43</v>
      </c>
      <c r="D45" s="21" t="s">
        <v>133</v>
      </c>
      <c r="E45" s="6">
        <v>135</v>
      </c>
      <c r="F45" s="5" t="s">
        <v>306</v>
      </c>
      <c r="G45" s="21" t="s">
        <v>218</v>
      </c>
      <c r="H45" s="9" t="s">
        <v>134</v>
      </c>
      <c r="I45" s="15" t="s">
        <v>355</v>
      </c>
      <c r="J45" s="16" t="s">
        <v>354</v>
      </c>
      <c r="K45" s="14" t="s">
        <v>310</v>
      </c>
      <c r="L45" s="5"/>
      <c r="M45" s="5"/>
      <c r="N45" s="5" t="s">
        <v>0</v>
      </c>
      <c r="O45" s="5" t="s">
        <v>0</v>
      </c>
      <c r="P45" s="5" t="s">
        <v>0</v>
      </c>
    </row>
    <row r="46" spans="1:16" s="4" customFormat="1" ht="15" customHeight="1">
      <c r="A46" s="10" t="s">
        <v>368</v>
      </c>
      <c r="B46" s="5" t="s">
        <v>367</v>
      </c>
      <c r="C46" s="10">
        <v>44</v>
      </c>
      <c r="D46" s="21" t="s">
        <v>135</v>
      </c>
      <c r="E46" s="6">
        <v>140</v>
      </c>
      <c r="F46" s="5" t="s">
        <v>306</v>
      </c>
      <c r="G46" s="21" t="s">
        <v>219</v>
      </c>
      <c r="H46" s="9" t="s">
        <v>136</v>
      </c>
      <c r="I46" s="15" t="s">
        <v>355</v>
      </c>
      <c r="J46" s="16" t="s">
        <v>354</v>
      </c>
      <c r="K46" s="14" t="s">
        <v>310</v>
      </c>
      <c r="L46" s="5" t="s">
        <v>0</v>
      </c>
      <c r="M46" s="5"/>
      <c r="N46" s="5" t="s">
        <v>0</v>
      </c>
      <c r="O46" s="5" t="s">
        <v>0</v>
      </c>
      <c r="P46" s="5" t="s">
        <v>0</v>
      </c>
    </row>
    <row r="47" spans="1:16" s="4" customFormat="1" ht="15" customHeight="1">
      <c r="A47" s="10" t="s">
        <v>368</v>
      </c>
      <c r="B47" s="5" t="s">
        <v>367</v>
      </c>
      <c r="C47" s="10">
        <v>45</v>
      </c>
      <c r="D47" s="21" t="s">
        <v>137</v>
      </c>
      <c r="E47" s="6">
        <v>200</v>
      </c>
      <c r="F47" s="5" t="s">
        <v>306</v>
      </c>
      <c r="G47" s="21" t="s">
        <v>220</v>
      </c>
      <c r="H47" s="9" t="s">
        <v>138</v>
      </c>
      <c r="I47" s="15" t="s">
        <v>355</v>
      </c>
      <c r="J47" s="16" t="s">
        <v>354</v>
      </c>
      <c r="K47" s="14" t="s">
        <v>310</v>
      </c>
      <c r="L47" s="5" t="s">
        <v>0</v>
      </c>
      <c r="M47" s="5"/>
      <c r="N47" s="5" t="s">
        <v>0</v>
      </c>
      <c r="O47" s="5" t="s">
        <v>0</v>
      </c>
      <c r="P47" s="5" t="s">
        <v>0</v>
      </c>
    </row>
    <row r="48" spans="1:16" s="4" customFormat="1" ht="15" customHeight="1">
      <c r="A48" s="10" t="s">
        <v>368</v>
      </c>
      <c r="B48" s="5" t="s">
        <v>367</v>
      </c>
      <c r="C48" s="10">
        <v>46</v>
      </c>
      <c r="D48" s="21" t="s">
        <v>139</v>
      </c>
      <c r="E48" s="6">
        <v>150</v>
      </c>
      <c r="F48" s="5" t="s">
        <v>306</v>
      </c>
      <c r="G48" s="21" t="s">
        <v>221</v>
      </c>
      <c r="H48" s="9" t="s">
        <v>140</v>
      </c>
      <c r="I48" s="15" t="s">
        <v>355</v>
      </c>
      <c r="J48" s="16" t="s">
        <v>354</v>
      </c>
      <c r="K48" s="14" t="s">
        <v>310</v>
      </c>
      <c r="L48" s="5" t="s">
        <v>0</v>
      </c>
      <c r="M48" s="5"/>
      <c r="N48" s="5" t="s">
        <v>0</v>
      </c>
      <c r="O48" s="5" t="s">
        <v>0</v>
      </c>
      <c r="P48" s="5" t="s">
        <v>0</v>
      </c>
    </row>
    <row r="49" spans="1:16" s="4" customFormat="1" ht="15" customHeight="1">
      <c r="A49" s="10" t="s">
        <v>368</v>
      </c>
      <c r="B49" s="5" t="s">
        <v>367</v>
      </c>
      <c r="C49" s="10">
        <v>47</v>
      </c>
      <c r="D49" s="21" t="s">
        <v>141</v>
      </c>
      <c r="E49" s="6">
        <v>220</v>
      </c>
      <c r="F49" s="5" t="s">
        <v>306</v>
      </c>
      <c r="G49" s="21" t="s">
        <v>222</v>
      </c>
      <c r="H49" s="9" t="s">
        <v>142</v>
      </c>
      <c r="I49" s="15" t="s">
        <v>355</v>
      </c>
      <c r="J49" s="16" t="s">
        <v>354</v>
      </c>
      <c r="K49" s="14" t="s">
        <v>310</v>
      </c>
      <c r="L49" s="5"/>
      <c r="M49" s="5"/>
      <c r="N49" s="5" t="s">
        <v>0</v>
      </c>
      <c r="O49" s="5" t="s">
        <v>0</v>
      </c>
      <c r="P49" s="5" t="s">
        <v>0</v>
      </c>
    </row>
    <row r="50" spans="1:16" s="4" customFormat="1" ht="15" customHeight="1">
      <c r="A50" s="10" t="s">
        <v>368</v>
      </c>
      <c r="B50" s="5" t="s">
        <v>367</v>
      </c>
      <c r="C50" s="10">
        <v>48</v>
      </c>
      <c r="D50" s="21" t="s">
        <v>143</v>
      </c>
      <c r="E50" s="6">
        <v>100</v>
      </c>
      <c r="F50" s="5" t="s">
        <v>306</v>
      </c>
      <c r="G50" s="21" t="s">
        <v>223</v>
      </c>
      <c r="H50" s="9" t="s">
        <v>397</v>
      </c>
      <c r="I50" s="15" t="s">
        <v>355</v>
      </c>
      <c r="J50" s="16" t="s">
        <v>354</v>
      </c>
      <c r="K50" s="14" t="s">
        <v>310</v>
      </c>
      <c r="L50" s="5" t="s">
        <v>0</v>
      </c>
      <c r="M50" s="5"/>
      <c r="N50" s="5" t="s">
        <v>0</v>
      </c>
      <c r="O50" s="5" t="s">
        <v>0</v>
      </c>
      <c r="P50" s="5" t="s">
        <v>0</v>
      </c>
    </row>
    <row r="51" spans="1:16" s="4" customFormat="1" ht="15" customHeight="1">
      <c r="A51" s="10" t="s">
        <v>368</v>
      </c>
      <c r="B51" s="5" t="s">
        <v>367</v>
      </c>
      <c r="C51" s="10">
        <v>49</v>
      </c>
      <c r="D51" s="21" t="s">
        <v>144</v>
      </c>
      <c r="E51" s="6">
        <v>85</v>
      </c>
      <c r="F51" s="5" t="s">
        <v>306</v>
      </c>
      <c r="G51" s="21" t="s">
        <v>224</v>
      </c>
      <c r="H51" s="9" t="s">
        <v>145</v>
      </c>
      <c r="I51" s="15" t="s">
        <v>355</v>
      </c>
      <c r="J51" s="16" t="s">
        <v>354</v>
      </c>
      <c r="K51" s="14" t="s">
        <v>318</v>
      </c>
      <c r="L51" s="5" t="s">
        <v>0</v>
      </c>
      <c r="M51" s="5"/>
      <c r="N51" s="5" t="s">
        <v>0</v>
      </c>
      <c r="O51" s="5" t="s">
        <v>0</v>
      </c>
      <c r="P51" s="5" t="s">
        <v>0</v>
      </c>
    </row>
    <row r="52" spans="1:16" s="4" customFormat="1" ht="15" customHeight="1">
      <c r="A52" s="10" t="s">
        <v>368</v>
      </c>
      <c r="B52" s="5" t="s">
        <v>367</v>
      </c>
      <c r="C52" s="10">
        <v>50</v>
      </c>
      <c r="D52" s="21" t="s">
        <v>146</v>
      </c>
      <c r="E52" s="6">
        <v>330</v>
      </c>
      <c r="F52" s="5" t="s">
        <v>317</v>
      </c>
      <c r="G52" s="21" t="s">
        <v>225</v>
      </c>
      <c r="H52" s="9" t="s">
        <v>147</v>
      </c>
      <c r="I52" s="15" t="s">
        <v>355</v>
      </c>
      <c r="J52" s="16" t="s">
        <v>354</v>
      </c>
      <c r="K52" s="14" t="s">
        <v>318</v>
      </c>
      <c r="L52" s="5" t="s">
        <v>0</v>
      </c>
      <c r="M52" s="5"/>
      <c r="N52" s="5"/>
      <c r="O52" s="5"/>
      <c r="P52" s="5"/>
    </row>
    <row r="53" spans="1:16" s="4" customFormat="1" ht="15" customHeight="1">
      <c r="A53" s="10" t="s">
        <v>368</v>
      </c>
      <c r="B53" s="5" t="s">
        <v>367</v>
      </c>
      <c r="C53" s="10">
        <v>51</v>
      </c>
      <c r="D53" s="21" t="s">
        <v>148</v>
      </c>
      <c r="E53" s="6">
        <v>120</v>
      </c>
      <c r="F53" s="5" t="s">
        <v>306</v>
      </c>
      <c r="G53" s="21" t="s">
        <v>226</v>
      </c>
      <c r="H53" s="9" t="s">
        <v>149</v>
      </c>
      <c r="I53" s="15" t="s">
        <v>355</v>
      </c>
      <c r="J53" s="16" t="s">
        <v>354</v>
      </c>
      <c r="K53" s="14" t="s">
        <v>318</v>
      </c>
      <c r="L53" s="5"/>
      <c r="M53" s="5"/>
      <c r="N53" s="18"/>
      <c r="O53" s="5" t="s">
        <v>0</v>
      </c>
      <c r="P53" s="5" t="s">
        <v>0</v>
      </c>
    </row>
    <row r="54" spans="1:16" s="4" customFormat="1" ht="15" customHeight="1">
      <c r="A54" s="10" t="s">
        <v>368</v>
      </c>
      <c r="B54" s="5" t="s">
        <v>367</v>
      </c>
      <c r="C54" s="10">
        <v>52</v>
      </c>
      <c r="D54" s="21" t="s">
        <v>150</v>
      </c>
      <c r="E54" s="6">
        <v>160</v>
      </c>
      <c r="F54" s="5" t="s">
        <v>306</v>
      </c>
      <c r="G54" s="21" t="s">
        <v>227</v>
      </c>
      <c r="H54" s="9" t="s">
        <v>151</v>
      </c>
      <c r="I54" s="15" t="s">
        <v>355</v>
      </c>
      <c r="J54" s="16" t="s">
        <v>354</v>
      </c>
      <c r="K54" s="14" t="s">
        <v>310</v>
      </c>
      <c r="L54" s="5" t="s">
        <v>0</v>
      </c>
      <c r="M54" s="5"/>
      <c r="N54" s="5" t="s">
        <v>0</v>
      </c>
      <c r="O54" s="5"/>
      <c r="P54" s="5" t="s">
        <v>0</v>
      </c>
    </row>
    <row r="55" spans="1:16" s="4" customFormat="1" ht="15" customHeight="1">
      <c r="A55" s="10" t="s">
        <v>368</v>
      </c>
      <c r="B55" s="5" t="s">
        <v>367</v>
      </c>
      <c r="C55" s="10">
        <v>53</v>
      </c>
      <c r="D55" s="21" t="s">
        <v>152</v>
      </c>
      <c r="E55" s="6">
        <v>165</v>
      </c>
      <c r="F55" s="5" t="s">
        <v>306</v>
      </c>
      <c r="G55" s="21" t="s">
        <v>228</v>
      </c>
      <c r="H55" s="9" t="s">
        <v>153</v>
      </c>
      <c r="I55" s="15" t="s">
        <v>355</v>
      </c>
      <c r="J55" s="16" t="s">
        <v>354</v>
      </c>
      <c r="K55" s="14" t="s">
        <v>310</v>
      </c>
      <c r="L55" s="5" t="s">
        <v>0</v>
      </c>
      <c r="M55" s="5"/>
      <c r="N55" s="5" t="s">
        <v>0</v>
      </c>
      <c r="O55" s="5" t="s">
        <v>0</v>
      </c>
      <c r="P55" s="5" t="s">
        <v>0</v>
      </c>
    </row>
    <row r="56" spans="1:16" s="4" customFormat="1" ht="15" customHeight="1">
      <c r="A56" s="10" t="s">
        <v>368</v>
      </c>
      <c r="B56" s="5" t="s">
        <v>367</v>
      </c>
      <c r="C56" s="10">
        <v>54</v>
      </c>
      <c r="D56" s="21" t="s">
        <v>154</v>
      </c>
      <c r="E56" s="6">
        <v>130</v>
      </c>
      <c r="F56" s="5" t="s">
        <v>306</v>
      </c>
      <c r="G56" s="21" t="s">
        <v>229</v>
      </c>
      <c r="H56" s="9" t="s">
        <v>155</v>
      </c>
      <c r="I56" s="15" t="s">
        <v>355</v>
      </c>
      <c r="J56" s="16" t="s">
        <v>354</v>
      </c>
      <c r="K56" s="14" t="s">
        <v>318</v>
      </c>
      <c r="L56" s="5" t="s">
        <v>0</v>
      </c>
      <c r="M56" s="5"/>
      <c r="N56" s="5"/>
      <c r="O56" s="5" t="s">
        <v>0</v>
      </c>
      <c r="P56" s="5" t="s">
        <v>0</v>
      </c>
    </row>
    <row r="57" spans="1:16" s="4" customFormat="1" ht="15" customHeight="1">
      <c r="A57" s="10" t="s">
        <v>368</v>
      </c>
      <c r="B57" s="5" t="s">
        <v>367</v>
      </c>
      <c r="C57" s="10">
        <v>55</v>
      </c>
      <c r="D57" s="21" t="s">
        <v>156</v>
      </c>
      <c r="E57" s="6">
        <v>150</v>
      </c>
      <c r="F57" s="5" t="s">
        <v>306</v>
      </c>
      <c r="G57" s="21" t="s">
        <v>366</v>
      </c>
      <c r="H57" s="9" t="s">
        <v>157</v>
      </c>
      <c r="I57" s="15" t="s">
        <v>355</v>
      </c>
      <c r="J57" s="16" t="s">
        <v>354</v>
      </c>
      <c r="K57" s="14" t="s">
        <v>318</v>
      </c>
      <c r="L57" s="5" t="s">
        <v>0</v>
      </c>
      <c r="M57" s="5"/>
      <c r="N57" s="5"/>
      <c r="O57" s="5" t="s">
        <v>0</v>
      </c>
      <c r="P57" s="5"/>
    </row>
    <row r="58" spans="1:16" s="4" customFormat="1" ht="15" customHeight="1">
      <c r="A58" s="10" t="s">
        <v>368</v>
      </c>
      <c r="B58" s="5" t="s">
        <v>367</v>
      </c>
      <c r="C58" s="10">
        <v>56</v>
      </c>
      <c r="D58" s="21" t="s">
        <v>158</v>
      </c>
      <c r="E58" s="6">
        <v>130</v>
      </c>
      <c r="F58" s="5" t="s">
        <v>306</v>
      </c>
      <c r="G58" s="21" t="s">
        <v>230</v>
      </c>
      <c r="H58" s="9" t="s">
        <v>159</v>
      </c>
      <c r="I58" s="15" t="s">
        <v>355</v>
      </c>
      <c r="J58" s="16" t="s">
        <v>354</v>
      </c>
      <c r="K58" s="14" t="s">
        <v>310</v>
      </c>
      <c r="L58" s="5" t="s">
        <v>0</v>
      </c>
      <c r="M58" s="5" t="s">
        <v>0</v>
      </c>
      <c r="N58" s="5" t="s">
        <v>0</v>
      </c>
      <c r="O58" s="5" t="s">
        <v>0</v>
      </c>
      <c r="P58" s="5" t="s">
        <v>0</v>
      </c>
    </row>
    <row r="59" spans="1:16" s="4" customFormat="1" ht="15" customHeight="1">
      <c r="A59" s="10" t="s">
        <v>368</v>
      </c>
      <c r="B59" s="5" t="s">
        <v>367</v>
      </c>
      <c r="C59" s="10">
        <v>57</v>
      </c>
      <c r="D59" s="21" t="s">
        <v>160</v>
      </c>
      <c r="E59" s="6">
        <v>120</v>
      </c>
      <c r="F59" s="5" t="s">
        <v>306</v>
      </c>
      <c r="G59" s="21" t="s">
        <v>231</v>
      </c>
      <c r="H59" s="9" t="s">
        <v>161</v>
      </c>
      <c r="I59" s="15" t="s">
        <v>355</v>
      </c>
      <c r="J59" s="16" t="s">
        <v>354</v>
      </c>
      <c r="K59" s="14" t="s">
        <v>318</v>
      </c>
      <c r="L59" s="5" t="s">
        <v>0</v>
      </c>
      <c r="M59" s="5"/>
      <c r="N59" s="5" t="s">
        <v>409</v>
      </c>
      <c r="O59" s="5" t="s">
        <v>0</v>
      </c>
      <c r="P59" s="5" t="s">
        <v>0</v>
      </c>
    </row>
    <row r="60" spans="1:16" s="4" customFormat="1" ht="15" customHeight="1">
      <c r="A60" s="10" t="s">
        <v>368</v>
      </c>
      <c r="B60" s="5" t="s">
        <v>367</v>
      </c>
      <c r="C60" s="10">
        <v>58</v>
      </c>
      <c r="D60" s="21" t="s">
        <v>162</v>
      </c>
      <c r="E60" s="6">
        <v>90</v>
      </c>
      <c r="F60" s="5" t="s">
        <v>317</v>
      </c>
      <c r="G60" s="21" t="s">
        <v>232</v>
      </c>
      <c r="H60" s="9" t="s">
        <v>163</v>
      </c>
      <c r="I60" s="15" t="s">
        <v>355</v>
      </c>
      <c r="J60" s="16" t="s">
        <v>354</v>
      </c>
      <c r="K60" s="14" t="s">
        <v>318</v>
      </c>
      <c r="L60" s="5"/>
      <c r="M60" s="5"/>
      <c r="N60" s="5"/>
      <c r="O60" s="5"/>
      <c r="P60" s="5"/>
    </row>
    <row r="61" spans="1:16" s="4" customFormat="1" ht="15" customHeight="1">
      <c r="A61" s="10" t="s">
        <v>368</v>
      </c>
      <c r="B61" s="5" t="s">
        <v>367</v>
      </c>
      <c r="C61" s="10">
        <v>59</v>
      </c>
      <c r="D61" s="21" t="s">
        <v>164</v>
      </c>
      <c r="E61" s="6">
        <v>50</v>
      </c>
      <c r="F61" s="5" t="s">
        <v>319</v>
      </c>
      <c r="G61" s="21" t="s">
        <v>233</v>
      </c>
      <c r="H61" s="9" t="s">
        <v>165</v>
      </c>
      <c r="I61" s="19" t="s">
        <v>406</v>
      </c>
      <c r="J61" s="16" t="s">
        <v>354</v>
      </c>
      <c r="K61" s="20" t="s">
        <v>407</v>
      </c>
      <c r="L61" s="5" t="s">
        <v>0</v>
      </c>
      <c r="M61" s="5"/>
      <c r="N61" s="5"/>
      <c r="O61" s="5"/>
      <c r="P61" s="5" t="s">
        <v>0</v>
      </c>
    </row>
    <row r="62" spans="1:16" s="4" customFormat="1" ht="15" customHeight="1">
      <c r="A62" s="10" t="s">
        <v>368</v>
      </c>
      <c r="B62" s="5" t="s">
        <v>367</v>
      </c>
      <c r="C62" s="10">
        <v>60</v>
      </c>
      <c r="D62" s="21" t="s">
        <v>166</v>
      </c>
      <c r="E62" s="6">
        <v>60</v>
      </c>
      <c r="F62" s="5" t="s">
        <v>319</v>
      </c>
      <c r="G62" s="21" t="s">
        <v>167</v>
      </c>
      <c r="H62" s="9" t="s">
        <v>168</v>
      </c>
      <c r="I62" s="19" t="s">
        <v>406</v>
      </c>
      <c r="J62" s="16" t="s">
        <v>354</v>
      </c>
      <c r="K62" s="20" t="s">
        <v>407</v>
      </c>
      <c r="L62" s="5" t="s">
        <v>0</v>
      </c>
      <c r="M62" s="5"/>
      <c r="N62" s="5"/>
      <c r="O62" s="5"/>
      <c r="P62" s="5" t="s">
        <v>0</v>
      </c>
    </row>
    <row r="63" spans="1:16" s="4" customFormat="1" ht="15" customHeight="1">
      <c r="A63" s="10" t="s">
        <v>368</v>
      </c>
      <c r="B63" s="5" t="s">
        <v>367</v>
      </c>
      <c r="C63" s="10">
        <v>61</v>
      </c>
      <c r="D63" s="21" t="s">
        <v>169</v>
      </c>
      <c r="E63" s="6">
        <v>146</v>
      </c>
      <c r="F63" s="5" t="s">
        <v>317</v>
      </c>
      <c r="G63" s="21" t="s">
        <v>234</v>
      </c>
      <c r="H63" s="9" t="s">
        <v>170</v>
      </c>
      <c r="I63" s="15" t="s">
        <v>355</v>
      </c>
      <c r="J63" s="16" t="s">
        <v>354</v>
      </c>
      <c r="K63" s="14" t="s">
        <v>318</v>
      </c>
      <c r="L63" s="5" t="s">
        <v>0</v>
      </c>
      <c r="M63" s="5"/>
      <c r="N63" s="5"/>
      <c r="O63" s="5"/>
      <c r="P63" s="5" t="s">
        <v>0</v>
      </c>
    </row>
    <row r="64" spans="1:16" s="4" customFormat="1" ht="15.75" customHeight="1">
      <c r="A64" s="10" t="s">
        <v>368</v>
      </c>
      <c r="B64" s="5" t="s">
        <v>367</v>
      </c>
      <c r="C64" s="10">
        <v>62</v>
      </c>
      <c r="D64" s="21" t="s">
        <v>171</v>
      </c>
      <c r="E64" s="6">
        <v>60</v>
      </c>
      <c r="F64" s="5" t="s">
        <v>236</v>
      </c>
      <c r="G64" s="21" t="s">
        <v>235</v>
      </c>
      <c r="H64" s="9" t="s">
        <v>398</v>
      </c>
      <c r="I64" s="19" t="s">
        <v>406</v>
      </c>
      <c r="J64" s="16" t="s">
        <v>354</v>
      </c>
      <c r="K64" s="14" t="s">
        <v>296</v>
      </c>
      <c r="L64" s="5"/>
      <c r="M64" s="5"/>
      <c r="N64" s="5"/>
      <c r="O64" s="5"/>
      <c r="P64" s="5" t="s">
        <v>0</v>
      </c>
    </row>
    <row r="65" spans="1:16" s="4" customFormat="1" ht="15" customHeight="1">
      <c r="A65" s="10" t="s">
        <v>368</v>
      </c>
      <c r="B65" s="5" t="s">
        <v>367</v>
      </c>
      <c r="C65" s="10">
        <v>63</v>
      </c>
      <c r="D65" s="21" t="s">
        <v>172</v>
      </c>
      <c r="E65" s="6">
        <v>80</v>
      </c>
      <c r="F65" s="5" t="s">
        <v>88</v>
      </c>
      <c r="G65" s="21" t="s">
        <v>237</v>
      </c>
      <c r="H65" s="9" t="s">
        <v>399</v>
      </c>
      <c r="I65" s="19" t="s">
        <v>406</v>
      </c>
      <c r="J65" s="16" t="s">
        <v>354</v>
      </c>
      <c r="K65" s="14" t="s">
        <v>296</v>
      </c>
      <c r="L65" s="5" t="s">
        <v>0</v>
      </c>
      <c r="M65" s="5"/>
      <c r="N65" s="5"/>
      <c r="O65" s="5"/>
      <c r="P65" s="5" t="s">
        <v>0</v>
      </c>
    </row>
    <row r="66" spans="1:16" s="4" customFormat="1" ht="15" customHeight="1">
      <c r="A66" s="10" t="s">
        <v>368</v>
      </c>
      <c r="B66" s="5" t="s">
        <v>367</v>
      </c>
      <c r="C66" s="10">
        <v>64</v>
      </c>
      <c r="D66" s="21" t="s">
        <v>173</v>
      </c>
      <c r="E66" s="6">
        <v>56</v>
      </c>
      <c r="F66" s="5" t="s">
        <v>88</v>
      </c>
      <c r="G66" s="21" t="s">
        <v>238</v>
      </c>
      <c r="H66" s="9" t="s">
        <v>400</v>
      </c>
      <c r="I66" s="19" t="s">
        <v>406</v>
      </c>
      <c r="J66" s="16" t="s">
        <v>354</v>
      </c>
      <c r="K66" s="14" t="s">
        <v>296</v>
      </c>
      <c r="L66" s="5"/>
      <c r="M66" s="5"/>
      <c r="N66" s="5"/>
      <c r="O66" s="5"/>
      <c r="P66" s="5" t="s">
        <v>0</v>
      </c>
    </row>
    <row r="67" spans="1:16" s="4" customFormat="1" ht="15" customHeight="1">
      <c r="A67" s="10" t="s">
        <v>368</v>
      </c>
      <c r="B67" s="5" t="s">
        <v>367</v>
      </c>
      <c r="C67" s="10">
        <v>65</v>
      </c>
      <c r="D67" s="21" t="s">
        <v>175</v>
      </c>
      <c r="E67" s="6">
        <v>90</v>
      </c>
      <c r="F67" s="5" t="s">
        <v>240</v>
      </c>
      <c r="G67" s="21" t="s">
        <v>321</v>
      </c>
      <c r="H67" s="9" t="s">
        <v>320</v>
      </c>
      <c r="I67" s="19" t="s">
        <v>406</v>
      </c>
      <c r="J67" s="16" t="s">
        <v>354</v>
      </c>
      <c r="K67" s="14" t="s">
        <v>296</v>
      </c>
      <c r="L67" s="5"/>
      <c r="M67" s="5"/>
      <c r="N67" s="5"/>
      <c r="O67" s="5"/>
      <c r="P67" s="5"/>
    </row>
    <row r="68" spans="1:16" s="4" customFormat="1" ht="15" customHeight="1">
      <c r="A68" s="10" t="s">
        <v>368</v>
      </c>
      <c r="B68" s="5" t="s">
        <v>367</v>
      </c>
      <c r="C68" s="10">
        <v>66</v>
      </c>
      <c r="D68" s="21" t="s">
        <v>176</v>
      </c>
      <c r="E68" s="6">
        <v>130</v>
      </c>
      <c r="F68" s="5" t="s">
        <v>240</v>
      </c>
      <c r="G68" s="21" t="s">
        <v>241</v>
      </c>
      <c r="H68" s="9" t="s">
        <v>2</v>
      </c>
      <c r="I68" s="15" t="s">
        <v>355</v>
      </c>
      <c r="J68" s="16" t="s">
        <v>354</v>
      </c>
      <c r="K68" s="14" t="s">
        <v>296</v>
      </c>
      <c r="L68" s="5"/>
      <c r="M68" s="5"/>
      <c r="N68" s="5"/>
      <c r="O68" s="5"/>
      <c r="P68" s="5" t="s">
        <v>0</v>
      </c>
    </row>
    <row r="69" spans="1:16" s="4" customFormat="1" ht="15" customHeight="1">
      <c r="A69" s="10" t="s">
        <v>368</v>
      </c>
      <c r="B69" s="5" t="s">
        <v>367</v>
      </c>
      <c r="C69" s="10">
        <v>67</v>
      </c>
      <c r="D69" s="21" t="s">
        <v>177</v>
      </c>
      <c r="E69" s="6">
        <v>280</v>
      </c>
      <c r="F69" s="5" t="s">
        <v>306</v>
      </c>
      <c r="G69" s="21" t="s">
        <v>242</v>
      </c>
      <c r="H69" s="9" t="s">
        <v>178</v>
      </c>
      <c r="I69" s="15" t="s">
        <v>355</v>
      </c>
      <c r="J69" s="16" t="s">
        <v>354</v>
      </c>
      <c r="K69" s="14" t="s">
        <v>322</v>
      </c>
      <c r="L69" s="5" t="s">
        <v>0</v>
      </c>
      <c r="M69" s="5"/>
      <c r="N69" s="5" t="s">
        <v>0</v>
      </c>
      <c r="O69" s="5" t="s">
        <v>0</v>
      </c>
      <c r="P69" s="5" t="s">
        <v>0</v>
      </c>
    </row>
    <row r="70" spans="1:16" s="4" customFormat="1" ht="15" customHeight="1">
      <c r="A70" s="10" t="s">
        <v>368</v>
      </c>
      <c r="B70" s="5" t="s">
        <v>367</v>
      </c>
      <c r="C70" s="10">
        <v>68</v>
      </c>
      <c r="D70" s="21" t="s">
        <v>8</v>
      </c>
      <c r="E70" s="6">
        <v>60</v>
      </c>
      <c r="F70" s="5" t="s">
        <v>88</v>
      </c>
      <c r="G70" s="21" t="s">
        <v>364</v>
      </c>
      <c r="H70" s="9" t="s">
        <v>9</v>
      </c>
      <c r="I70" s="19" t="s">
        <v>406</v>
      </c>
      <c r="J70" s="16" t="s">
        <v>354</v>
      </c>
      <c r="K70" s="14" t="s">
        <v>296</v>
      </c>
      <c r="L70" s="5"/>
      <c r="M70" s="5"/>
      <c r="N70" s="5"/>
      <c r="O70" s="5"/>
      <c r="P70" s="5"/>
    </row>
    <row r="71" spans="1:16" s="4" customFormat="1" ht="15" customHeight="1">
      <c r="A71" s="10" t="s">
        <v>368</v>
      </c>
      <c r="B71" s="5" t="s">
        <v>367</v>
      </c>
      <c r="C71" s="10">
        <v>69</v>
      </c>
      <c r="D71" s="21" t="s">
        <v>245</v>
      </c>
      <c r="E71" s="6">
        <v>57</v>
      </c>
      <c r="F71" s="5" t="s">
        <v>236</v>
      </c>
      <c r="G71" s="21" t="s">
        <v>246</v>
      </c>
      <c r="H71" s="9" t="s">
        <v>5</v>
      </c>
      <c r="I71" s="19" t="s">
        <v>406</v>
      </c>
      <c r="J71" s="16" t="s">
        <v>354</v>
      </c>
      <c r="K71" s="20" t="s">
        <v>407</v>
      </c>
      <c r="L71" s="5" t="s">
        <v>0</v>
      </c>
      <c r="M71" s="5"/>
      <c r="N71" s="5"/>
      <c r="O71" s="5"/>
      <c r="P71" s="5"/>
    </row>
    <row r="72" spans="1:16" s="4" customFormat="1" ht="15" customHeight="1">
      <c r="A72" s="10" t="s">
        <v>368</v>
      </c>
      <c r="B72" s="5" t="s">
        <v>367</v>
      </c>
      <c r="C72" s="10">
        <v>70</v>
      </c>
      <c r="D72" s="21" t="s">
        <v>6</v>
      </c>
      <c r="E72" s="6">
        <v>50</v>
      </c>
      <c r="F72" s="5" t="s">
        <v>247</v>
      </c>
      <c r="G72" s="21" t="s">
        <v>323</v>
      </c>
      <c r="H72" s="9" t="s">
        <v>7</v>
      </c>
      <c r="I72" s="15" t="s">
        <v>355</v>
      </c>
      <c r="J72" s="16" t="s">
        <v>354</v>
      </c>
      <c r="K72" s="14" t="s">
        <v>296</v>
      </c>
      <c r="L72" s="5"/>
      <c r="M72" s="5"/>
      <c r="N72" s="5"/>
      <c r="O72" s="5"/>
      <c r="P72" s="5"/>
    </row>
    <row r="73" spans="1:16" s="4" customFormat="1" ht="15" customHeight="1">
      <c r="A73" s="10" t="s">
        <v>368</v>
      </c>
      <c r="B73" s="5" t="s">
        <v>367</v>
      </c>
      <c r="C73" s="10">
        <v>71</v>
      </c>
      <c r="D73" s="21" t="s">
        <v>248</v>
      </c>
      <c r="E73" s="6">
        <v>110</v>
      </c>
      <c r="F73" s="5" t="s">
        <v>88</v>
      </c>
      <c r="G73" s="21" t="s">
        <v>251</v>
      </c>
      <c r="H73" s="9" t="s">
        <v>253</v>
      </c>
      <c r="I73" s="19" t="s">
        <v>406</v>
      </c>
      <c r="J73" s="16" t="s">
        <v>354</v>
      </c>
      <c r="K73" s="20" t="s">
        <v>407</v>
      </c>
      <c r="L73" s="5" t="s">
        <v>0</v>
      </c>
      <c r="M73" s="5"/>
      <c r="N73" s="5"/>
      <c r="O73" s="5" t="s">
        <v>0</v>
      </c>
      <c r="P73" s="5"/>
    </row>
    <row r="74" spans="1:16" s="4" customFormat="1" ht="15" customHeight="1">
      <c r="A74" s="10" t="s">
        <v>368</v>
      </c>
      <c r="B74" s="5" t="s">
        <v>367</v>
      </c>
      <c r="C74" s="10">
        <v>72</v>
      </c>
      <c r="D74" s="21" t="s">
        <v>249</v>
      </c>
      <c r="E74" s="6">
        <v>110</v>
      </c>
      <c r="F74" s="5" t="s">
        <v>306</v>
      </c>
      <c r="G74" s="21" t="s">
        <v>252</v>
      </c>
      <c r="H74" s="9" t="s">
        <v>254</v>
      </c>
      <c r="I74" s="15" t="s">
        <v>355</v>
      </c>
      <c r="J74" s="16" t="s">
        <v>354</v>
      </c>
      <c r="K74" s="14" t="s">
        <v>296</v>
      </c>
      <c r="L74" s="5" t="s">
        <v>0</v>
      </c>
      <c r="M74" s="5"/>
      <c r="N74" s="5"/>
      <c r="O74" s="5" t="s">
        <v>0</v>
      </c>
      <c r="P74" s="5" t="s">
        <v>0</v>
      </c>
    </row>
    <row r="75" spans="1:16" s="4" customFormat="1" ht="15" customHeight="1">
      <c r="A75" s="10" t="s">
        <v>368</v>
      </c>
      <c r="B75" s="5" t="s">
        <v>367</v>
      </c>
      <c r="C75" s="10">
        <v>73</v>
      </c>
      <c r="D75" s="21" t="s">
        <v>250</v>
      </c>
      <c r="E75" s="6">
        <v>220</v>
      </c>
      <c r="F75" s="5" t="s">
        <v>306</v>
      </c>
      <c r="G75" s="21" t="s">
        <v>365</v>
      </c>
      <c r="H75" s="9" t="s">
        <v>4</v>
      </c>
      <c r="I75" s="15" t="s">
        <v>355</v>
      </c>
      <c r="J75" s="16" t="s">
        <v>354</v>
      </c>
      <c r="K75" s="14" t="s">
        <v>322</v>
      </c>
      <c r="L75" s="5" t="s">
        <v>0</v>
      </c>
      <c r="M75" s="5"/>
      <c r="N75" s="5" t="s">
        <v>0</v>
      </c>
      <c r="O75" s="5" t="s">
        <v>0</v>
      </c>
      <c r="P75" s="5" t="s">
        <v>0</v>
      </c>
    </row>
    <row r="76" spans="1:16" s="4" customFormat="1" ht="15" customHeight="1">
      <c r="A76" s="10" t="s">
        <v>368</v>
      </c>
      <c r="B76" s="5" t="s">
        <v>367</v>
      </c>
      <c r="C76" s="10">
        <v>74</v>
      </c>
      <c r="D76" s="21" t="s">
        <v>351</v>
      </c>
      <c r="E76" s="6">
        <v>140</v>
      </c>
      <c r="F76" s="5" t="s">
        <v>306</v>
      </c>
      <c r="G76" s="21" t="s">
        <v>352</v>
      </c>
      <c r="H76" s="9" t="s">
        <v>353</v>
      </c>
      <c r="I76" s="15" t="s">
        <v>355</v>
      </c>
      <c r="J76" s="16" t="s">
        <v>354</v>
      </c>
      <c r="K76" s="14" t="s">
        <v>322</v>
      </c>
      <c r="L76" s="5" t="s">
        <v>0</v>
      </c>
      <c r="M76" s="5"/>
      <c r="N76" s="5" t="s">
        <v>0</v>
      </c>
      <c r="O76" s="5" t="s">
        <v>0</v>
      </c>
      <c r="P76" s="5" t="s">
        <v>0</v>
      </c>
    </row>
    <row r="77" spans="1:16" s="4" customFormat="1" ht="15" customHeight="1">
      <c r="A77" s="10" t="s">
        <v>368</v>
      </c>
      <c r="B77" s="5" t="s">
        <v>367</v>
      </c>
      <c r="C77" s="10">
        <v>75</v>
      </c>
      <c r="D77" s="21" t="s">
        <v>307</v>
      </c>
      <c r="E77" s="6">
        <v>190</v>
      </c>
      <c r="F77" s="5" t="s">
        <v>306</v>
      </c>
      <c r="G77" s="21" t="s">
        <v>308</v>
      </c>
      <c r="H77" s="9" t="s">
        <v>309</v>
      </c>
      <c r="I77" s="15" t="s">
        <v>355</v>
      </c>
      <c r="J77" s="16" t="s">
        <v>354</v>
      </c>
      <c r="K77" s="14" t="s">
        <v>311</v>
      </c>
      <c r="L77" s="5" t="s">
        <v>0</v>
      </c>
      <c r="M77" s="5"/>
      <c r="N77" s="5" t="s">
        <v>0</v>
      </c>
      <c r="O77" s="5" t="s">
        <v>0</v>
      </c>
      <c r="P77" s="5" t="s">
        <v>0</v>
      </c>
    </row>
    <row r="78" spans="1:16" s="4" customFormat="1" ht="15.6" customHeight="1">
      <c r="A78" s="10" t="s">
        <v>368</v>
      </c>
      <c r="B78" s="5" t="s">
        <v>367</v>
      </c>
      <c r="C78" s="10">
        <v>76</v>
      </c>
      <c r="D78" s="21" t="s">
        <v>324</v>
      </c>
      <c r="E78" s="6">
        <v>23</v>
      </c>
      <c r="F78" s="5" t="s">
        <v>319</v>
      </c>
      <c r="G78" s="21" t="s">
        <v>243</v>
      </c>
      <c r="H78" s="9" t="s">
        <v>1</v>
      </c>
      <c r="I78" s="19" t="s">
        <v>406</v>
      </c>
      <c r="J78" s="16" t="s">
        <v>354</v>
      </c>
      <c r="K78" s="20" t="s">
        <v>407</v>
      </c>
      <c r="L78" s="5" t="s">
        <v>0</v>
      </c>
      <c r="M78" s="5"/>
      <c r="N78" s="5"/>
      <c r="O78" s="5"/>
      <c r="P78" s="5"/>
    </row>
    <row r="79" spans="1:16" s="4" customFormat="1" ht="15" customHeight="1">
      <c r="A79" s="10" t="s">
        <v>368</v>
      </c>
      <c r="B79" s="5" t="s">
        <v>367</v>
      </c>
      <c r="C79" s="10">
        <v>77</v>
      </c>
      <c r="D79" s="21" t="s">
        <v>325</v>
      </c>
      <c r="E79" s="6">
        <v>20</v>
      </c>
      <c r="F79" s="5" t="s">
        <v>326</v>
      </c>
      <c r="G79" s="21" t="s">
        <v>244</v>
      </c>
      <c r="H79" s="9" t="s">
        <v>3</v>
      </c>
      <c r="I79" s="19" t="s">
        <v>406</v>
      </c>
      <c r="J79" s="16" t="s">
        <v>354</v>
      </c>
      <c r="K79" s="20" t="s">
        <v>407</v>
      </c>
      <c r="L79" s="5"/>
      <c r="M79" s="5"/>
      <c r="N79" s="5"/>
      <c r="O79" s="5"/>
      <c r="P79" s="5"/>
    </row>
    <row r="80" spans="1:16" s="4" customFormat="1" ht="15" customHeight="1">
      <c r="A80" s="10" t="s">
        <v>368</v>
      </c>
      <c r="B80" s="5" t="s">
        <v>367</v>
      </c>
      <c r="C80" s="10">
        <v>78</v>
      </c>
      <c r="D80" s="21" t="s">
        <v>327</v>
      </c>
      <c r="E80" s="6">
        <v>87</v>
      </c>
      <c r="F80" s="5" t="s">
        <v>86</v>
      </c>
      <c r="G80" s="21" t="s">
        <v>328</v>
      </c>
      <c r="H80" s="9" t="s">
        <v>329</v>
      </c>
      <c r="I80" s="19" t="s">
        <v>406</v>
      </c>
      <c r="J80" s="16" t="s">
        <v>354</v>
      </c>
      <c r="K80" s="20" t="s">
        <v>407</v>
      </c>
      <c r="L80" s="5"/>
      <c r="M80" s="5"/>
      <c r="N80" s="5"/>
      <c r="O80" s="5"/>
      <c r="P80" s="5" t="s">
        <v>0</v>
      </c>
    </row>
    <row r="81" spans="1:16" s="4" customFormat="1" ht="15" customHeight="1">
      <c r="A81" s="10" t="s">
        <v>368</v>
      </c>
      <c r="B81" s="5" t="s">
        <v>367</v>
      </c>
      <c r="C81" s="10">
        <v>79</v>
      </c>
      <c r="D81" s="21" t="s">
        <v>330</v>
      </c>
      <c r="E81" s="6">
        <v>25</v>
      </c>
      <c r="F81" s="5" t="s">
        <v>326</v>
      </c>
      <c r="G81" s="21" t="s">
        <v>239</v>
      </c>
      <c r="H81" s="9" t="s">
        <v>174</v>
      </c>
      <c r="I81" s="15" t="s">
        <v>355</v>
      </c>
      <c r="J81" s="16" t="s">
        <v>354</v>
      </c>
      <c r="K81" s="14" t="s">
        <v>296</v>
      </c>
      <c r="L81" s="5"/>
      <c r="M81" s="5"/>
      <c r="N81" s="5"/>
      <c r="O81" s="5"/>
      <c r="P81" s="5"/>
    </row>
    <row r="82" spans="1:16" s="4" customFormat="1" ht="15" customHeight="1">
      <c r="A82" s="10" t="s">
        <v>368</v>
      </c>
      <c r="B82" s="5" t="s">
        <v>344</v>
      </c>
      <c r="C82" s="10">
        <v>80</v>
      </c>
      <c r="D82" s="21" t="s">
        <v>331</v>
      </c>
      <c r="E82" s="6">
        <v>12</v>
      </c>
      <c r="F82" s="5" t="s">
        <v>306</v>
      </c>
      <c r="G82" s="21" t="s">
        <v>404</v>
      </c>
      <c r="H82" s="9" t="s">
        <v>289</v>
      </c>
      <c r="I82" s="15" t="s">
        <v>355</v>
      </c>
      <c r="J82" s="16" t="s">
        <v>354</v>
      </c>
      <c r="K82" s="14" t="s">
        <v>296</v>
      </c>
      <c r="L82" s="5" t="s">
        <v>0</v>
      </c>
      <c r="M82" s="5"/>
      <c r="N82" s="5" t="s">
        <v>0</v>
      </c>
      <c r="O82" s="5" t="s">
        <v>0</v>
      </c>
      <c r="P82" s="5"/>
    </row>
    <row r="83" spans="1:16" s="4" customFormat="1" ht="15" customHeight="1">
      <c r="A83" s="10" t="s">
        <v>368</v>
      </c>
      <c r="B83" s="5" t="s">
        <v>344</v>
      </c>
      <c r="C83" s="10">
        <v>81</v>
      </c>
      <c r="D83" s="21" t="s">
        <v>332</v>
      </c>
      <c r="E83" s="6">
        <v>19</v>
      </c>
      <c r="F83" s="5" t="s">
        <v>240</v>
      </c>
      <c r="G83" s="21" t="s">
        <v>285</v>
      </c>
      <c r="H83" s="9" t="s">
        <v>286</v>
      </c>
      <c r="I83" s="15" t="s">
        <v>355</v>
      </c>
      <c r="J83" s="16" t="s">
        <v>354</v>
      </c>
      <c r="K83" s="14" t="s">
        <v>296</v>
      </c>
      <c r="L83" s="5"/>
      <c r="M83" s="5"/>
      <c r="N83" s="5"/>
      <c r="O83" s="5"/>
      <c r="P83" s="5"/>
    </row>
    <row r="84" spans="1:16" s="4" customFormat="1" ht="15" customHeight="1">
      <c r="A84" s="10" t="s">
        <v>368</v>
      </c>
      <c r="B84" s="5" t="s">
        <v>344</v>
      </c>
      <c r="C84" s="10">
        <v>82</v>
      </c>
      <c r="D84" s="21" t="s">
        <v>333</v>
      </c>
      <c r="E84" s="6">
        <v>19</v>
      </c>
      <c r="F84" s="5" t="s">
        <v>306</v>
      </c>
      <c r="G84" s="21" t="s">
        <v>395</v>
      </c>
      <c r="H84" s="9" t="s">
        <v>287</v>
      </c>
      <c r="I84" s="15" t="s">
        <v>355</v>
      </c>
      <c r="J84" s="16" t="s">
        <v>354</v>
      </c>
      <c r="K84" s="14" t="s">
        <v>296</v>
      </c>
      <c r="L84" s="5" t="s">
        <v>0</v>
      </c>
      <c r="M84" s="5"/>
      <c r="N84" s="5"/>
      <c r="O84" s="5"/>
      <c r="P84" s="5"/>
    </row>
    <row r="85" spans="1:16" s="4" customFormat="1" ht="15" customHeight="1">
      <c r="A85" s="10" t="s">
        <v>368</v>
      </c>
      <c r="B85" s="5" t="s">
        <v>344</v>
      </c>
      <c r="C85" s="10">
        <v>83</v>
      </c>
      <c r="D85" s="21" t="s">
        <v>334</v>
      </c>
      <c r="E85" s="6">
        <v>19</v>
      </c>
      <c r="F85" s="5" t="s">
        <v>306</v>
      </c>
      <c r="G85" s="21" t="s">
        <v>275</v>
      </c>
      <c r="H85" s="9" t="s">
        <v>276</v>
      </c>
      <c r="I85" s="15" t="s">
        <v>355</v>
      </c>
      <c r="J85" s="16" t="s">
        <v>354</v>
      </c>
      <c r="K85" s="14" t="s">
        <v>296</v>
      </c>
      <c r="L85" s="5" t="s">
        <v>0</v>
      </c>
      <c r="M85" s="5"/>
      <c r="N85" s="5" t="s">
        <v>0</v>
      </c>
      <c r="O85" s="5" t="s">
        <v>0</v>
      </c>
      <c r="P85" s="5"/>
    </row>
    <row r="86" spans="1:16" s="4" customFormat="1" ht="15" customHeight="1">
      <c r="A86" s="10" t="s">
        <v>368</v>
      </c>
      <c r="B86" s="5" t="s">
        <v>344</v>
      </c>
      <c r="C86" s="10">
        <v>84</v>
      </c>
      <c r="D86" s="21" t="s">
        <v>335</v>
      </c>
      <c r="E86" s="6">
        <v>13</v>
      </c>
      <c r="F86" s="5" t="s">
        <v>306</v>
      </c>
      <c r="G86" s="21" t="s">
        <v>284</v>
      </c>
      <c r="H86" s="9" t="s">
        <v>277</v>
      </c>
      <c r="I86" s="15" t="s">
        <v>355</v>
      </c>
      <c r="J86" s="16" t="s">
        <v>354</v>
      </c>
      <c r="K86" s="14" t="s">
        <v>296</v>
      </c>
      <c r="L86" s="5"/>
      <c r="M86" s="5"/>
      <c r="N86" s="5" t="s">
        <v>409</v>
      </c>
      <c r="O86" s="5" t="s">
        <v>0</v>
      </c>
      <c r="P86" s="5"/>
    </row>
    <row r="87" spans="1:16" s="4" customFormat="1" ht="15" customHeight="1">
      <c r="A87" s="10" t="s">
        <v>368</v>
      </c>
      <c r="B87" s="5" t="s">
        <v>344</v>
      </c>
      <c r="C87" s="10">
        <v>85</v>
      </c>
      <c r="D87" s="21" t="s">
        <v>336</v>
      </c>
      <c r="E87" s="6">
        <v>21</v>
      </c>
      <c r="F87" s="5" t="s">
        <v>306</v>
      </c>
      <c r="G87" s="21" t="s">
        <v>278</v>
      </c>
      <c r="H87" s="9" t="s">
        <v>279</v>
      </c>
      <c r="I87" s="15" t="s">
        <v>355</v>
      </c>
      <c r="J87" s="16" t="s">
        <v>354</v>
      </c>
      <c r="K87" s="14" t="s">
        <v>322</v>
      </c>
      <c r="L87" s="5"/>
      <c r="M87" s="5"/>
      <c r="N87" s="5" t="s">
        <v>409</v>
      </c>
      <c r="O87" s="5"/>
      <c r="P87" s="5"/>
    </row>
    <row r="88" spans="1:16" s="4" customFormat="1" ht="15" customHeight="1">
      <c r="A88" s="10" t="s">
        <v>368</v>
      </c>
      <c r="B88" s="5" t="s">
        <v>344</v>
      </c>
      <c r="C88" s="10">
        <v>86</v>
      </c>
      <c r="D88" s="21" t="s">
        <v>337</v>
      </c>
      <c r="E88" s="6">
        <v>5</v>
      </c>
      <c r="F88" s="5" t="s">
        <v>306</v>
      </c>
      <c r="G88" s="21" t="s">
        <v>280</v>
      </c>
      <c r="H88" s="9" t="s">
        <v>281</v>
      </c>
      <c r="I88" s="15" t="s">
        <v>355</v>
      </c>
      <c r="J88" s="16" t="s">
        <v>354</v>
      </c>
      <c r="K88" s="14" t="s">
        <v>296</v>
      </c>
      <c r="L88" s="5" t="s">
        <v>0</v>
      </c>
      <c r="M88" s="5"/>
      <c r="N88" s="5" t="s">
        <v>0</v>
      </c>
      <c r="O88" s="5" t="s">
        <v>0</v>
      </c>
      <c r="P88" s="5"/>
    </row>
    <row r="89" spans="1:16" s="4" customFormat="1" ht="15" customHeight="1">
      <c r="A89" s="10" t="s">
        <v>368</v>
      </c>
      <c r="B89" s="5" t="s">
        <v>344</v>
      </c>
      <c r="C89" s="10">
        <v>87</v>
      </c>
      <c r="D89" s="21" t="s">
        <v>362</v>
      </c>
      <c r="E89" s="6">
        <v>5</v>
      </c>
      <c r="F89" s="5" t="s">
        <v>306</v>
      </c>
      <c r="G89" s="21" t="s">
        <v>363</v>
      </c>
      <c r="H89" s="5" t="s">
        <v>405</v>
      </c>
      <c r="I89" s="19" t="s">
        <v>406</v>
      </c>
      <c r="J89" s="16" t="s">
        <v>354</v>
      </c>
      <c r="K89" s="20" t="s">
        <v>408</v>
      </c>
      <c r="L89" s="5"/>
      <c r="M89" s="5"/>
      <c r="N89" s="5"/>
      <c r="O89" s="5"/>
      <c r="P89" s="5"/>
    </row>
    <row r="90" spans="1:16" s="4" customFormat="1" ht="15" customHeight="1">
      <c r="A90" s="10" t="s">
        <v>368</v>
      </c>
      <c r="B90" s="5" t="s">
        <v>344</v>
      </c>
      <c r="C90" s="10">
        <v>88</v>
      </c>
      <c r="D90" s="21" t="s">
        <v>377</v>
      </c>
      <c r="E90" s="6">
        <v>9</v>
      </c>
      <c r="F90" s="5" t="s">
        <v>306</v>
      </c>
      <c r="G90" s="21" t="s">
        <v>378</v>
      </c>
      <c r="H90" s="5" t="s">
        <v>410</v>
      </c>
      <c r="I90" s="15" t="s">
        <v>356</v>
      </c>
      <c r="J90" s="16" t="s">
        <v>354</v>
      </c>
      <c r="K90" s="14" t="s">
        <v>296</v>
      </c>
      <c r="L90" s="5"/>
      <c r="M90" s="5"/>
      <c r="N90" s="5"/>
      <c r="O90" s="5"/>
      <c r="P90" s="5" t="s">
        <v>0</v>
      </c>
    </row>
    <row r="91" spans="1:16" s="4" customFormat="1" ht="15" customHeight="1">
      <c r="A91" s="10" t="s">
        <v>368</v>
      </c>
      <c r="B91" s="5" t="s">
        <v>344</v>
      </c>
      <c r="C91" s="10">
        <v>89</v>
      </c>
      <c r="D91" s="21" t="s">
        <v>338</v>
      </c>
      <c r="E91" s="6">
        <v>5</v>
      </c>
      <c r="F91" s="5" t="s">
        <v>306</v>
      </c>
      <c r="G91" s="21" t="s">
        <v>282</v>
      </c>
      <c r="H91" s="9" t="s">
        <v>283</v>
      </c>
      <c r="I91" s="15" t="s">
        <v>355</v>
      </c>
      <c r="J91" s="16" t="s">
        <v>354</v>
      </c>
      <c r="K91" s="14" t="s">
        <v>297</v>
      </c>
      <c r="L91" s="5"/>
      <c r="M91" s="5"/>
      <c r="N91" s="5"/>
      <c r="O91" s="5"/>
      <c r="P91" s="5"/>
    </row>
    <row r="92" spans="1:16" s="4" customFormat="1" ht="15" customHeight="1">
      <c r="A92" s="10" t="s">
        <v>358</v>
      </c>
      <c r="B92" s="5" t="s">
        <v>341</v>
      </c>
      <c r="C92" s="10">
        <v>90</v>
      </c>
      <c r="D92" s="21" t="s">
        <v>32</v>
      </c>
      <c r="E92" s="6">
        <v>80</v>
      </c>
      <c r="F92" s="5" t="s">
        <v>88</v>
      </c>
      <c r="G92" s="21" t="s">
        <v>87</v>
      </c>
      <c r="H92" s="9" t="s">
        <v>31</v>
      </c>
      <c r="I92" s="15" t="s">
        <v>355</v>
      </c>
      <c r="J92" s="16" t="s">
        <v>354</v>
      </c>
      <c r="K92" s="14" t="s">
        <v>296</v>
      </c>
      <c r="L92" s="5"/>
      <c r="M92" s="5"/>
      <c r="N92" s="5"/>
      <c r="O92" s="5"/>
      <c r="P92" s="5"/>
    </row>
    <row r="93" spans="1:16" s="4" customFormat="1" ht="15" customHeight="1">
      <c r="A93" s="10" t="s">
        <v>358</v>
      </c>
      <c r="B93" s="5" t="s">
        <v>341</v>
      </c>
      <c r="C93" s="10">
        <v>91</v>
      </c>
      <c r="D93" s="21" t="s">
        <v>30</v>
      </c>
      <c r="E93" s="6">
        <v>50</v>
      </c>
      <c r="F93" s="5" t="s">
        <v>306</v>
      </c>
      <c r="G93" s="21" t="s">
        <v>89</v>
      </c>
      <c r="H93" s="9" t="s">
        <v>29</v>
      </c>
      <c r="I93" s="19" t="s">
        <v>406</v>
      </c>
      <c r="J93" s="16" t="s">
        <v>354</v>
      </c>
      <c r="K93" s="14" t="s">
        <v>297</v>
      </c>
      <c r="L93" s="5"/>
      <c r="M93" s="5"/>
      <c r="N93" s="5"/>
      <c r="O93" s="5"/>
      <c r="P93" s="5"/>
    </row>
    <row r="94" spans="1:16" s="4" customFormat="1" ht="15" customHeight="1">
      <c r="A94" s="10" t="s">
        <v>358</v>
      </c>
      <c r="B94" s="5" t="s">
        <v>304</v>
      </c>
      <c r="C94" s="10">
        <v>92</v>
      </c>
      <c r="D94" s="21" t="s">
        <v>374</v>
      </c>
      <c r="E94" s="6">
        <v>191</v>
      </c>
      <c r="F94" s="5" t="s">
        <v>306</v>
      </c>
      <c r="G94" s="21" t="s">
        <v>90</v>
      </c>
      <c r="H94" s="9" t="s">
        <v>375</v>
      </c>
      <c r="I94" s="17" t="s">
        <v>355</v>
      </c>
      <c r="J94" s="16" t="s">
        <v>376</v>
      </c>
      <c r="K94" s="14" t="s">
        <v>296</v>
      </c>
      <c r="L94" s="5" t="s">
        <v>370</v>
      </c>
      <c r="M94" s="5"/>
      <c r="N94" s="5"/>
      <c r="O94" s="5"/>
      <c r="P94" s="5"/>
    </row>
    <row r="95" spans="1:16" s="4" customFormat="1" ht="15" customHeight="1">
      <c r="A95" s="10" t="s">
        <v>358</v>
      </c>
      <c r="B95" s="5" t="s">
        <v>367</v>
      </c>
      <c r="C95" s="10">
        <v>93</v>
      </c>
      <c r="D95" s="21" t="s">
        <v>179</v>
      </c>
      <c r="E95" s="6">
        <v>70</v>
      </c>
      <c r="F95" s="5" t="s">
        <v>306</v>
      </c>
      <c r="G95" s="21" t="s">
        <v>255</v>
      </c>
      <c r="H95" s="9" t="s">
        <v>180</v>
      </c>
      <c r="I95" s="15" t="s">
        <v>355</v>
      </c>
      <c r="J95" s="16" t="s">
        <v>354</v>
      </c>
      <c r="K95" s="14" t="s">
        <v>322</v>
      </c>
      <c r="L95" s="5" t="s">
        <v>0</v>
      </c>
      <c r="M95" s="5"/>
      <c r="N95" s="5"/>
      <c r="O95" s="5" t="s">
        <v>0</v>
      </c>
      <c r="P95" s="5"/>
    </row>
    <row r="96" spans="1:16" s="4" customFormat="1" ht="15" customHeight="1">
      <c r="A96" s="10" t="s">
        <v>358</v>
      </c>
      <c r="B96" s="5" t="s">
        <v>367</v>
      </c>
      <c r="C96" s="10">
        <v>94</v>
      </c>
      <c r="D96" s="21" t="s">
        <v>181</v>
      </c>
      <c r="E96" s="6">
        <v>100</v>
      </c>
      <c r="F96" s="5" t="s">
        <v>306</v>
      </c>
      <c r="G96" s="21" t="s">
        <v>256</v>
      </c>
      <c r="H96" s="9" t="s">
        <v>182</v>
      </c>
      <c r="I96" s="15" t="s">
        <v>355</v>
      </c>
      <c r="J96" s="16" t="s">
        <v>354</v>
      </c>
      <c r="K96" s="14" t="s">
        <v>322</v>
      </c>
      <c r="L96" s="5" t="s">
        <v>0</v>
      </c>
      <c r="M96" s="5" t="s">
        <v>0</v>
      </c>
      <c r="N96" s="5" t="s">
        <v>0</v>
      </c>
      <c r="O96" s="5" t="s">
        <v>0</v>
      </c>
      <c r="P96" s="5" t="s">
        <v>0</v>
      </c>
    </row>
    <row r="97" spans="1:16" s="4" customFormat="1" ht="15" customHeight="1">
      <c r="A97" s="10" t="s">
        <v>358</v>
      </c>
      <c r="B97" s="5" t="s">
        <v>367</v>
      </c>
      <c r="C97" s="10">
        <v>95</v>
      </c>
      <c r="D97" s="21" t="s">
        <v>403</v>
      </c>
      <c r="E97" s="6">
        <v>215</v>
      </c>
      <c r="F97" s="5" t="s">
        <v>306</v>
      </c>
      <c r="G97" s="21" t="s">
        <v>257</v>
      </c>
      <c r="H97" s="9" t="s">
        <v>183</v>
      </c>
      <c r="I97" s="15" t="s">
        <v>355</v>
      </c>
      <c r="J97" s="16" t="s">
        <v>354</v>
      </c>
      <c r="K97" s="14" t="s">
        <v>322</v>
      </c>
      <c r="L97" s="5" t="s">
        <v>0</v>
      </c>
      <c r="M97" s="5"/>
      <c r="N97" s="5" t="s">
        <v>0</v>
      </c>
      <c r="O97" s="5" t="s">
        <v>0</v>
      </c>
      <c r="P97" s="5" t="s">
        <v>0</v>
      </c>
    </row>
    <row r="98" spans="1:16" s="4" customFormat="1" ht="15" customHeight="1">
      <c r="A98" s="10" t="s">
        <v>359</v>
      </c>
      <c r="B98" s="5" t="s">
        <v>341</v>
      </c>
      <c r="C98" s="10">
        <v>96</v>
      </c>
      <c r="D98" s="21" t="s">
        <v>28</v>
      </c>
      <c r="E98" s="6">
        <v>55</v>
      </c>
      <c r="F98" s="5" t="s">
        <v>306</v>
      </c>
      <c r="G98" s="21" t="s">
        <v>91</v>
      </c>
      <c r="H98" s="9" t="s">
        <v>27</v>
      </c>
      <c r="I98" s="15" t="s">
        <v>355</v>
      </c>
      <c r="J98" s="16" t="s">
        <v>354</v>
      </c>
      <c r="K98" s="14" t="s">
        <v>296</v>
      </c>
      <c r="L98" s="5" t="s">
        <v>0</v>
      </c>
      <c r="M98" s="5"/>
      <c r="N98" s="5"/>
      <c r="O98" s="5"/>
      <c r="P98" s="5"/>
    </row>
    <row r="99" spans="1:16" s="4" customFormat="1" ht="15" customHeight="1">
      <c r="A99" s="10" t="s">
        <v>359</v>
      </c>
      <c r="B99" s="5" t="s">
        <v>341</v>
      </c>
      <c r="C99" s="10">
        <v>97</v>
      </c>
      <c r="D99" s="21" t="s">
        <v>26</v>
      </c>
      <c r="E99" s="7">
        <v>25</v>
      </c>
      <c r="F99" s="5" t="s">
        <v>86</v>
      </c>
      <c r="G99" s="21" t="s">
        <v>92</v>
      </c>
      <c r="H99" s="10" t="s">
        <v>25</v>
      </c>
      <c r="I99" s="19" t="s">
        <v>406</v>
      </c>
      <c r="J99" s="16" t="s">
        <v>354</v>
      </c>
      <c r="K99" s="14" t="s">
        <v>297</v>
      </c>
      <c r="L99" s="5"/>
      <c r="M99" s="5"/>
      <c r="N99" s="5"/>
      <c r="O99" s="5"/>
      <c r="P99" s="5"/>
    </row>
    <row r="100" spans="1:16" s="4" customFormat="1" ht="15" customHeight="1">
      <c r="A100" s="10" t="s">
        <v>359</v>
      </c>
      <c r="B100" s="5" t="s">
        <v>367</v>
      </c>
      <c r="C100" s="10">
        <v>98</v>
      </c>
      <c r="D100" s="21" t="s">
        <v>258</v>
      </c>
      <c r="E100" s="6">
        <v>70</v>
      </c>
      <c r="F100" s="5" t="s">
        <v>306</v>
      </c>
      <c r="G100" s="21" t="s">
        <v>259</v>
      </c>
      <c r="H100" s="9" t="s">
        <v>339</v>
      </c>
      <c r="I100" s="15" t="s">
        <v>355</v>
      </c>
      <c r="J100" s="16" t="s">
        <v>354</v>
      </c>
      <c r="K100" s="20" t="s">
        <v>407</v>
      </c>
      <c r="L100" s="5" t="s">
        <v>0</v>
      </c>
      <c r="M100" s="5"/>
      <c r="N100" s="5"/>
      <c r="O100" s="5" t="s">
        <v>0</v>
      </c>
      <c r="P100" s="5" t="s">
        <v>0</v>
      </c>
    </row>
    <row r="101" spans="1:16" s="4" customFormat="1" ht="15" customHeight="1">
      <c r="A101" s="10" t="s">
        <v>359</v>
      </c>
      <c r="B101" s="5" t="s">
        <v>367</v>
      </c>
      <c r="C101" s="10">
        <v>99</v>
      </c>
      <c r="D101" s="21" t="s">
        <v>260</v>
      </c>
      <c r="E101" s="6">
        <v>130</v>
      </c>
      <c r="F101" s="5" t="s">
        <v>306</v>
      </c>
      <c r="G101" s="21" t="s">
        <v>261</v>
      </c>
      <c r="H101" s="9" t="s">
        <v>184</v>
      </c>
      <c r="I101" s="15" t="s">
        <v>355</v>
      </c>
      <c r="J101" s="16" t="s">
        <v>354</v>
      </c>
      <c r="K101" s="14" t="s">
        <v>322</v>
      </c>
      <c r="L101" s="5" t="s">
        <v>0</v>
      </c>
      <c r="M101" s="5"/>
      <c r="N101" s="5" t="s">
        <v>0</v>
      </c>
      <c r="O101" s="5" t="s">
        <v>0</v>
      </c>
      <c r="P101" s="5" t="s">
        <v>0</v>
      </c>
    </row>
    <row r="102" spans="1:16" s="4" customFormat="1" ht="15" customHeight="1">
      <c r="A102" s="10" t="s">
        <v>360</v>
      </c>
      <c r="B102" s="5" t="s">
        <v>341</v>
      </c>
      <c r="C102" s="10">
        <v>100</v>
      </c>
      <c r="D102" s="21" t="s">
        <v>24</v>
      </c>
      <c r="E102" s="6">
        <v>90</v>
      </c>
      <c r="F102" s="5" t="s">
        <v>306</v>
      </c>
      <c r="G102" s="21" t="s">
        <v>93</v>
      </c>
      <c r="H102" s="9" t="s">
        <v>23</v>
      </c>
      <c r="I102" s="15" t="s">
        <v>355</v>
      </c>
      <c r="J102" s="16" t="s">
        <v>354</v>
      </c>
      <c r="K102" s="14" t="s">
        <v>296</v>
      </c>
      <c r="L102" s="5"/>
      <c r="M102" s="5"/>
      <c r="N102" s="5"/>
      <c r="O102" s="5"/>
      <c r="P102" s="5"/>
    </row>
    <row r="103" spans="1:16" s="4" customFormat="1" ht="15" customHeight="1">
      <c r="A103" s="10" t="s">
        <v>360</v>
      </c>
      <c r="B103" s="5" t="s">
        <v>341</v>
      </c>
      <c r="C103" s="10">
        <v>101</v>
      </c>
      <c r="D103" s="21" t="s">
        <v>22</v>
      </c>
      <c r="E103" s="6">
        <v>115</v>
      </c>
      <c r="F103" s="5" t="s">
        <v>306</v>
      </c>
      <c r="G103" s="21" t="s">
        <v>94</v>
      </c>
      <c r="H103" s="9" t="s">
        <v>21</v>
      </c>
      <c r="I103" s="15" t="s">
        <v>355</v>
      </c>
      <c r="J103" s="16" t="s">
        <v>354</v>
      </c>
      <c r="K103" s="14" t="s">
        <v>296</v>
      </c>
      <c r="L103" s="5" t="s">
        <v>0</v>
      </c>
      <c r="M103" s="5"/>
      <c r="N103" s="5"/>
      <c r="O103" s="5"/>
      <c r="P103" s="5" t="s">
        <v>0</v>
      </c>
    </row>
    <row r="104" spans="1:16" s="4" customFormat="1" ht="15" customHeight="1">
      <c r="A104" s="10" t="s">
        <v>360</v>
      </c>
      <c r="B104" s="5" t="s">
        <v>367</v>
      </c>
      <c r="C104" s="10">
        <v>102</v>
      </c>
      <c r="D104" s="21" t="s">
        <v>185</v>
      </c>
      <c r="E104" s="6">
        <v>350</v>
      </c>
      <c r="F104" s="5" t="s">
        <v>306</v>
      </c>
      <c r="G104" s="21" t="s">
        <v>262</v>
      </c>
      <c r="H104" s="9" t="s">
        <v>186</v>
      </c>
      <c r="I104" s="15" t="s">
        <v>355</v>
      </c>
      <c r="J104" s="16" t="s">
        <v>354</v>
      </c>
      <c r="K104" s="14" t="s">
        <v>322</v>
      </c>
      <c r="L104" s="5" t="s">
        <v>0</v>
      </c>
      <c r="M104" s="5"/>
      <c r="N104" s="5" t="s">
        <v>0</v>
      </c>
      <c r="O104" s="5" t="s">
        <v>0</v>
      </c>
      <c r="P104" s="5" t="s">
        <v>0</v>
      </c>
    </row>
    <row r="105" spans="1:16" s="4" customFormat="1" ht="15" customHeight="1">
      <c r="A105" s="10" t="s">
        <v>360</v>
      </c>
      <c r="B105" s="5" t="s">
        <v>367</v>
      </c>
      <c r="C105" s="10">
        <v>103</v>
      </c>
      <c r="D105" s="21" t="s">
        <v>187</v>
      </c>
      <c r="E105" s="6">
        <v>130</v>
      </c>
      <c r="F105" s="5" t="s">
        <v>306</v>
      </c>
      <c r="G105" s="21" t="s">
        <v>263</v>
      </c>
      <c r="H105" s="9" t="s">
        <v>188</v>
      </c>
      <c r="I105" s="15" t="s">
        <v>355</v>
      </c>
      <c r="J105" s="16" t="s">
        <v>354</v>
      </c>
      <c r="K105" s="14" t="s">
        <v>322</v>
      </c>
      <c r="L105" s="5" t="s">
        <v>0</v>
      </c>
      <c r="M105" s="5"/>
      <c r="N105" s="5" t="s">
        <v>0</v>
      </c>
      <c r="O105" s="5" t="s">
        <v>0</v>
      </c>
      <c r="P105" s="5" t="s">
        <v>0</v>
      </c>
    </row>
    <row r="106" spans="1:16" s="4" customFormat="1" ht="15" customHeight="1">
      <c r="A106" s="10" t="s">
        <v>360</v>
      </c>
      <c r="B106" s="5" t="s">
        <v>367</v>
      </c>
      <c r="C106" s="10">
        <v>104</v>
      </c>
      <c r="D106" s="21" t="s">
        <v>189</v>
      </c>
      <c r="E106" s="6">
        <v>20</v>
      </c>
      <c r="F106" s="5" t="s">
        <v>319</v>
      </c>
      <c r="G106" s="21" t="s">
        <v>264</v>
      </c>
      <c r="H106" s="9" t="s">
        <v>190</v>
      </c>
      <c r="I106" s="15" t="s">
        <v>355</v>
      </c>
      <c r="J106" s="16" t="s">
        <v>354</v>
      </c>
      <c r="K106" s="14" t="s">
        <v>296</v>
      </c>
      <c r="L106" s="5" t="s">
        <v>0</v>
      </c>
      <c r="M106" s="5"/>
      <c r="N106" s="5"/>
      <c r="O106" s="5"/>
      <c r="P106" s="5"/>
    </row>
    <row r="107" spans="1:16" s="4" customFormat="1" ht="15.75" customHeight="1">
      <c r="A107" s="10" t="s">
        <v>361</v>
      </c>
      <c r="B107" s="5" t="s">
        <v>341</v>
      </c>
      <c r="C107" s="10">
        <v>105</v>
      </c>
      <c r="D107" s="21" t="s">
        <v>20</v>
      </c>
      <c r="E107" s="6">
        <v>75</v>
      </c>
      <c r="F107" s="5" t="s">
        <v>306</v>
      </c>
      <c r="G107" s="21" t="s">
        <v>95</v>
      </c>
      <c r="H107" s="9" t="s">
        <v>19</v>
      </c>
      <c r="I107" s="19" t="s">
        <v>406</v>
      </c>
      <c r="J107" s="16" t="s">
        <v>354</v>
      </c>
      <c r="K107" s="14" t="s">
        <v>297</v>
      </c>
      <c r="L107" s="5"/>
      <c r="M107" s="5"/>
      <c r="N107" s="5"/>
      <c r="O107" s="5"/>
      <c r="P107" s="5"/>
    </row>
    <row r="108" spans="1:16" s="4" customFormat="1" ht="15.75" customHeight="1">
      <c r="A108" s="10" t="s">
        <v>361</v>
      </c>
      <c r="B108" s="5" t="s">
        <v>341</v>
      </c>
      <c r="C108" s="10">
        <v>106</v>
      </c>
      <c r="D108" s="21" t="s">
        <v>18</v>
      </c>
      <c r="E108" s="6">
        <v>110</v>
      </c>
      <c r="F108" s="5" t="s">
        <v>306</v>
      </c>
      <c r="G108" s="21" t="s">
        <v>96</v>
      </c>
      <c r="H108" s="9" t="s">
        <v>17</v>
      </c>
      <c r="I108" s="15" t="s">
        <v>355</v>
      </c>
      <c r="J108" s="16" t="s">
        <v>354</v>
      </c>
      <c r="K108" s="14" t="s">
        <v>296</v>
      </c>
      <c r="L108" s="5"/>
      <c r="M108" s="5"/>
      <c r="N108" s="5"/>
      <c r="O108" s="5"/>
      <c r="P108" s="5"/>
    </row>
    <row r="109" spans="1:16" s="4" customFormat="1" ht="15.75" customHeight="1">
      <c r="A109" s="10" t="s">
        <v>361</v>
      </c>
      <c r="B109" s="5" t="s">
        <v>341</v>
      </c>
      <c r="C109" s="10">
        <v>107</v>
      </c>
      <c r="D109" s="21" t="s">
        <v>16</v>
      </c>
      <c r="E109" s="6">
        <v>45</v>
      </c>
      <c r="F109" s="5" t="s">
        <v>306</v>
      </c>
      <c r="G109" s="21" t="s">
        <v>97</v>
      </c>
      <c r="H109" s="9" t="s">
        <v>15</v>
      </c>
      <c r="I109" s="19" t="s">
        <v>406</v>
      </c>
      <c r="J109" s="16" t="s">
        <v>354</v>
      </c>
      <c r="K109" s="14" t="s">
        <v>297</v>
      </c>
      <c r="L109" s="5"/>
      <c r="M109" s="5"/>
      <c r="N109" s="5"/>
      <c r="O109" s="5"/>
      <c r="P109" s="5"/>
    </row>
    <row r="110" spans="1:16" s="4" customFormat="1" ht="15.75" customHeight="1">
      <c r="A110" s="10" t="s">
        <v>361</v>
      </c>
      <c r="B110" s="5" t="s">
        <v>341</v>
      </c>
      <c r="C110" s="10">
        <v>108</v>
      </c>
      <c r="D110" s="21" t="s">
        <v>372</v>
      </c>
      <c r="E110" s="6">
        <v>230</v>
      </c>
      <c r="F110" s="5" t="s">
        <v>306</v>
      </c>
      <c r="G110" s="21" t="s">
        <v>373</v>
      </c>
      <c r="H110" s="9"/>
      <c r="I110" s="15" t="s">
        <v>355</v>
      </c>
      <c r="J110" s="16" t="s">
        <v>354</v>
      </c>
      <c r="K110" s="14" t="s">
        <v>296</v>
      </c>
      <c r="L110" s="5" t="s">
        <v>0</v>
      </c>
      <c r="M110" s="5"/>
      <c r="N110" s="5"/>
      <c r="O110" s="5"/>
      <c r="P110" s="5"/>
    </row>
    <row r="111" spans="1:16" s="4" customFormat="1" ht="15.75" customHeight="1">
      <c r="A111" s="10" t="s">
        <v>361</v>
      </c>
      <c r="B111" s="5" t="s">
        <v>367</v>
      </c>
      <c r="C111" s="10">
        <v>109</v>
      </c>
      <c r="D111" s="21" t="s">
        <v>265</v>
      </c>
      <c r="E111" s="6">
        <v>120</v>
      </c>
      <c r="F111" s="5" t="s">
        <v>306</v>
      </c>
      <c r="G111" s="21" t="s">
        <v>266</v>
      </c>
      <c r="H111" s="9" t="s">
        <v>191</v>
      </c>
      <c r="I111" s="15" t="s">
        <v>355</v>
      </c>
      <c r="J111" s="16" t="s">
        <v>354</v>
      </c>
      <c r="K111" s="14" t="s">
        <v>296</v>
      </c>
      <c r="L111" s="5" t="s">
        <v>0</v>
      </c>
      <c r="M111" s="5"/>
      <c r="N111" s="5"/>
      <c r="O111" s="5" t="s">
        <v>0</v>
      </c>
      <c r="P111" s="5" t="s">
        <v>0</v>
      </c>
    </row>
    <row r="112" spans="1:16" s="4" customFormat="1" ht="15.75" customHeight="1">
      <c r="A112" s="10" t="s">
        <v>361</v>
      </c>
      <c r="B112" s="5" t="s">
        <v>367</v>
      </c>
      <c r="C112" s="10">
        <v>110</v>
      </c>
      <c r="D112" s="21" t="s">
        <v>192</v>
      </c>
      <c r="E112" s="6">
        <v>200</v>
      </c>
      <c r="F112" s="5" t="s">
        <v>306</v>
      </c>
      <c r="G112" s="21" t="s">
        <v>267</v>
      </c>
      <c r="H112" s="9" t="s">
        <v>193</v>
      </c>
      <c r="I112" s="15" t="s">
        <v>355</v>
      </c>
      <c r="J112" s="16" t="s">
        <v>354</v>
      </c>
      <c r="K112" s="14" t="s">
        <v>342</v>
      </c>
      <c r="L112" s="5" t="s">
        <v>0</v>
      </c>
      <c r="M112" s="5"/>
      <c r="N112" s="5"/>
      <c r="O112" s="5" t="s">
        <v>0</v>
      </c>
      <c r="P112" s="5" t="s">
        <v>0</v>
      </c>
    </row>
    <row r="113" spans="1:16" s="4" customFormat="1" ht="15.75" customHeight="1">
      <c r="A113" s="10" t="s">
        <v>361</v>
      </c>
      <c r="B113" s="5" t="s">
        <v>367</v>
      </c>
      <c r="C113" s="10">
        <v>111</v>
      </c>
      <c r="D113" s="21" t="s">
        <v>194</v>
      </c>
      <c r="E113" s="6">
        <v>223</v>
      </c>
      <c r="F113" s="5" t="s">
        <v>306</v>
      </c>
      <c r="G113" s="21" t="s">
        <v>268</v>
      </c>
      <c r="H113" s="9" t="s">
        <v>195</v>
      </c>
      <c r="I113" s="15" t="s">
        <v>355</v>
      </c>
      <c r="J113" s="16" t="s">
        <v>354</v>
      </c>
      <c r="K113" s="14" t="s">
        <v>322</v>
      </c>
      <c r="L113" s="5"/>
      <c r="M113" s="5"/>
      <c r="N113" s="5" t="s">
        <v>0</v>
      </c>
      <c r="O113" s="5" t="s">
        <v>0</v>
      </c>
      <c r="P113" s="5" t="s">
        <v>0</v>
      </c>
    </row>
    <row r="114" spans="1:16" s="4" customFormat="1" ht="15.75" customHeight="1">
      <c r="A114" s="10" t="s">
        <v>361</v>
      </c>
      <c r="B114" s="5" t="s">
        <v>367</v>
      </c>
      <c r="C114" s="10">
        <v>112</v>
      </c>
      <c r="D114" s="21" t="s">
        <v>401</v>
      </c>
      <c r="E114" s="6">
        <v>170</v>
      </c>
      <c r="F114" s="5" t="s">
        <v>306</v>
      </c>
      <c r="G114" s="21" t="s">
        <v>269</v>
      </c>
      <c r="H114" s="9" t="s">
        <v>196</v>
      </c>
      <c r="I114" s="15" t="s">
        <v>355</v>
      </c>
      <c r="J114" s="16" t="s">
        <v>354</v>
      </c>
      <c r="K114" s="14" t="s">
        <v>322</v>
      </c>
      <c r="L114" s="5" t="s">
        <v>0</v>
      </c>
      <c r="M114" s="5" t="s">
        <v>0</v>
      </c>
      <c r="N114" s="5" t="s">
        <v>0</v>
      </c>
      <c r="O114" s="5" t="s">
        <v>0</v>
      </c>
      <c r="P114" s="5" t="s">
        <v>0</v>
      </c>
    </row>
    <row r="115" spans="1:16" s="4" customFormat="1" ht="15.75" customHeight="1">
      <c r="A115" s="10" t="s">
        <v>361</v>
      </c>
      <c r="B115" s="5" t="s">
        <v>367</v>
      </c>
      <c r="C115" s="10">
        <v>113</v>
      </c>
      <c r="D115" s="21" t="s">
        <v>197</v>
      </c>
      <c r="E115" s="6">
        <v>180</v>
      </c>
      <c r="F115" s="5" t="s">
        <v>306</v>
      </c>
      <c r="G115" s="21" t="s">
        <v>270</v>
      </c>
      <c r="H115" s="9" t="s">
        <v>198</v>
      </c>
      <c r="I115" s="15" t="s">
        <v>355</v>
      </c>
      <c r="J115" s="16" t="s">
        <v>354</v>
      </c>
      <c r="K115" s="14" t="s">
        <v>322</v>
      </c>
      <c r="L115" s="5"/>
      <c r="M115" s="5"/>
      <c r="N115" s="5" t="s">
        <v>0</v>
      </c>
      <c r="O115" s="5" t="s">
        <v>0</v>
      </c>
      <c r="P115" s="5" t="s">
        <v>0</v>
      </c>
    </row>
    <row r="116" spans="1:16" s="4" customFormat="1" ht="15.75" customHeight="1">
      <c r="A116" s="10" t="s">
        <v>361</v>
      </c>
      <c r="B116" s="5" t="s">
        <v>367</v>
      </c>
      <c r="C116" s="10">
        <v>114</v>
      </c>
      <c r="D116" s="21" t="s">
        <v>199</v>
      </c>
      <c r="E116" s="6">
        <v>150</v>
      </c>
      <c r="F116" s="5" t="s">
        <v>306</v>
      </c>
      <c r="G116" s="21" t="s">
        <v>271</v>
      </c>
      <c r="H116" s="9" t="s">
        <v>200</v>
      </c>
      <c r="I116" s="15" t="s">
        <v>355</v>
      </c>
      <c r="J116" s="16" t="s">
        <v>354</v>
      </c>
      <c r="K116" s="14" t="s">
        <v>322</v>
      </c>
      <c r="L116" s="5" t="s">
        <v>0</v>
      </c>
      <c r="M116" s="5" t="s">
        <v>0</v>
      </c>
      <c r="N116" s="5" t="s">
        <v>0</v>
      </c>
      <c r="O116" s="5" t="s">
        <v>0</v>
      </c>
      <c r="P116" s="5" t="s">
        <v>0</v>
      </c>
    </row>
    <row r="117" spans="1:16" s="4" customFormat="1" ht="15.75" customHeight="1">
      <c r="A117" s="10" t="s">
        <v>361</v>
      </c>
      <c r="B117" s="5" t="s">
        <v>367</v>
      </c>
      <c r="C117" s="10">
        <v>115</v>
      </c>
      <c r="D117" s="21" t="s">
        <v>272</v>
      </c>
      <c r="E117" s="6">
        <v>30</v>
      </c>
      <c r="F117" s="5" t="s">
        <v>319</v>
      </c>
      <c r="G117" s="21" t="s">
        <v>273</v>
      </c>
      <c r="H117" s="9" t="s">
        <v>274</v>
      </c>
      <c r="I117" s="15" t="s">
        <v>356</v>
      </c>
      <c r="J117" s="16" t="s">
        <v>354</v>
      </c>
      <c r="K117" s="14" t="s">
        <v>297</v>
      </c>
      <c r="L117" s="5"/>
      <c r="M117" s="5"/>
      <c r="N117" s="5"/>
      <c r="O117" s="5"/>
      <c r="P117" s="5"/>
    </row>
    <row r="118" spans="1:16" s="4" customFormat="1" ht="15.75" customHeight="1">
      <c r="A118" s="10" t="s">
        <v>361</v>
      </c>
      <c r="B118" s="5" t="s">
        <v>344</v>
      </c>
      <c r="C118" s="10">
        <v>116</v>
      </c>
      <c r="D118" s="21" t="s">
        <v>340</v>
      </c>
      <c r="E118" s="6">
        <v>12</v>
      </c>
      <c r="F118" s="5" t="s">
        <v>306</v>
      </c>
      <c r="G118" s="21" t="s">
        <v>343</v>
      </c>
      <c r="H118" s="9" t="s">
        <v>288</v>
      </c>
      <c r="I118" s="15" t="s">
        <v>355</v>
      </c>
      <c r="J118" s="16" t="s">
        <v>354</v>
      </c>
      <c r="K118" s="14" t="s">
        <v>296</v>
      </c>
      <c r="L118" s="5"/>
      <c r="M118" s="5"/>
      <c r="N118" s="5"/>
      <c r="O118" s="5" t="s">
        <v>0</v>
      </c>
      <c r="P118" s="5"/>
    </row>
    <row r="119" spans="1:16" s="4" customFormat="1" ht="15.75" customHeight="1">
      <c r="A119" s="10" t="s">
        <v>345</v>
      </c>
      <c r="B119" s="5" t="s">
        <v>341</v>
      </c>
      <c r="C119" s="10">
        <v>117</v>
      </c>
      <c r="D119" s="21" t="s">
        <v>14</v>
      </c>
      <c r="E119" s="6">
        <v>40</v>
      </c>
      <c r="F119" s="5" t="s">
        <v>306</v>
      </c>
      <c r="G119" s="21" t="s">
        <v>98</v>
      </c>
      <c r="H119" s="9" t="s">
        <v>13</v>
      </c>
      <c r="I119" s="15" t="s">
        <v>355</v>
      </c>
      <c r="J119" s="16" t="s">
        <v>354</v>
      </c>
      <c r="K119" s="14" t="s">
        <v>296</v>
      </c>
      <c r="L119" s="5" t="s">
        <v>0</v>
      </c>
      <c r="M119" s="5"/>
      <c r="N119" s="5"/>
      <c r="O119" s="5"/>
      <c r="P119" s="5"/>
    </row>
    <row r="120" spans="1:16" s="4" customFormat="1" ht="15.75" customHeight="1">
      <c r="A120" s="10" t="s">
        <v>346</v>
      </c>
      <c r="B120" s="5" t="s">
        <v>341</v>
      </c>
      <c r="C120" s="10">
        <v>118</v>
      </c>
      <c r="D120" s="21" t="s">
        <v>12</v>
      </c>
      <c r="E120" s="6">
        <v>40</v>
      </c>
      <c r="F120" s="5" t="s">
        <v>306</v>
      </c>
      <c r="G120" s="21" t="s">
        <v>99</v>
      </c>
      <c r="H120" s="9" t="s">
        <v>11</v>
      </c>
      <c r="I120" s="15" t="s">
        <v>355</v>
      </c>
      <c r="J120" s="16" t="s">
        <v>354</v>
      </c>
      <c r="K120" s="14" t="s">
        <v>296</v>
      </c>
      <c r="L120" s="5" t="s">
        <v>0</v>
      </c>
      <c r="M120" s="5"/>
      <c r="N120" s="5"/>
      <c r="O120" s="5"/>
      <c r="P120" s="5"/>
    </row>
    <row r="121" spans="1:16" ht="15.75" customHeight="1">
      <c r="A121" s="22" t="s">
        <v>347</v>
      </c>
      <c r="B121" s="22"/>
      <c r="C121" s="22"/>
      <c r="D121" s="22"/>
      <c r="E121" s="22"/>
      <c r="F121" s="22"/>
      <c r="G121" s="22"/>
      <c r="H121" s="22"/>
      <c r="I121" s="22"/>
      <c r="J121" s="22"/>
      <c r="K121" s="24"/>
      <c r="L121" s="24"/>
      <c r="M121" s="24"/>
      <c r="N121" s="24"/>
      <c r="O121" s="24"/>
      <c r="P121" s="24"/>
    </row>
    <row r="122" spans="1:16" ht="15.75" customHeight="1">
      <c r="A122" s="22" t="s">
        <v>348</v>
      </c>
      <c r="B122" s="22"/>
      <c r="C122" s="22"/>
      <c r="D122" s="22"/>
      <c r="E122" s="22"/>
      <c r="F122" s="22"/>
      <c r="G122" s="22"/>
      <c r="H122" s="22"/>
      <c r="I122" s="22"/>
      <c r="J122" s="22"/>
      <c r="K122" s="24"/>
      <c r="L122" s="24"/>
      <c r="M122" s="24"/>
      <c r="N122" s="24"/>
      <c r="O122" s="24"/>
      <c r="P122" s="24"/>
    </row>
    <row r="123" spans="1:16" s="2" customFormat="1" ht="15.75" customHeight="1">
      <c r="A123" s="22" t="s">
        <v>349</v>
      </c>
      <c r="B123" s="22"/>
      <c r="C123" s="22"/>
      <c r="D123" s="22"/>
      <c r="E123" s="22"/>
      <c r="F123" s="22"/>
      <c r="G123" s="22"/>
      <c r="H123" s="22"/>
      <c r="I123" s="22"/>
      <c r="J123" s="22"/>
      <c r="K123" s="24"/>
      <c r="L123" s="24"/>
      <c r="M123" s="24"/>
      <c r="N123" s="24"/>
      <c r="O123" s="24"/>
      <c r="P123" s="24"/>
    </row>
    <row r="124" spans="1:16" s="2" customFormat="1" ht="15.75" customHeight="1">
      <c r="A124" s="22" t="s">
        <v>350</v>
      </c>
      <c r="B124" s="22"/>
      <c r="C124" s="22"/>
      <c r="D124" s="22"/>
      <c r="E124" s="22"/>
      <c r="F124" s="22"/>
      <c r="G124" s="22"/>
      <c r="H124" s="22"/>
      <c r="I124" s="22"/>
      <c r="J124" s="22"/>
      <c r="K124" s="24"/>
      <c r="L124" s="24"/>
      <c r="M124" s="24"/>
      <c r="N124" s="24"/>
      <c r="O124" s="24"/>
      <c r="P124" s="24"/>
    </row>
    <row r="125" spans="1:16" s="2" customFormat="1" ht="15.75" customHeight="1">
      <c r="A125" s="1"/>
      <c r="B125" s="1"/>
      <c r="C125" s="1"/>
      <c r="D125" s="1"/>
      <c r="E125" s="1"/>
      <c r="F125" s="1"/>
      <c r="G125" s="1"/>
      <c r="H125" s="1"/>
      <c r="I125" s="1"/>
      <c r="J125" s="1"/>
      <c r="K125" s="3"/>
      <c r="L125" s="3"/>
      <c r="M125" s="3"/>
      <c r="N125" s="3"/>
      <c r="O125" s="3"/>
      <c r="P125" s="3"/>
    </row>
    <row r="126" spans="1:16" s="2" customFormat="1" ht="15.75" customHeight="1">
      <c r="A126" s="1"/>
      <c r="B126" s="1"/>
      <c r="C126" s="1"/>
      <c r="D126" s="1"/>
      <c r="E126" s="1"/>
      <c r="F126" s="1"/>
      <c r="G126" s="1"/>
      <c r="H126" s="1"/>
      <c r="I126" s="1"/>
      <c r="J126" s="1"/>
      <c r="K126" s="3"/>
      <c r="L126" s="3"/>
      <c r="M126" s="3"/>
      <c r="N126" s="3"/>
      <c r="O126" s="3"/>
      <c r="P126" s="3"/>
    </row>
  </sheetData>
  <autoFilter ref="A2:P126"/>
  <phoneticPr fontId="1"/>
  <printOptions horizontalCentered="1" verticalCentered="1"/>
  <pageMargins left="0.35433070866141736" right="0.23622047244094491" top="0.27559055118110237" bottom="0.23622047244094491" header="0.51181102362204722" footer="0.51181102362204722"/>
  <pageSetup paperSize="9" scale="78" fitToHeight="2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一覧</vt:lpstr>
      <vt:lpstr>一覧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屋敷　彩佳</dc:creator>
  <cp:lastModifiedBy>富山市</cp:lastModifiedBy>
  <cp:lastPrinted>2022-11-28T10:16:14Z</cp:lastPrinted>
  <dcterms:created xsi:type="dcterms:W3CDTF">2022-02-28T00:50:16Z</dcterms:created>
  <dcterms:modified xsi:type="dcterms:W3CDTF">2022-11-28T10:56:31Z</dcterms:modified>
</cp:coreProperties>
</file>